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codeName="ThisWorkbook"/>
  <bookViews>
    <workbookView xWindow="-15" yWindow="-15" windowWidth="13275" windowHeight="7860" tabRatio="743"/>
  </bookViews>
  <sheets>
    <sheet name="設計書表紙 " sheetId="19" r:id="rId1"/>
    <sheet name="工事費内訳書" sheetId="10" r:id="rId2"/>
    <sheet name="内訳書" sheetId="17" r:id="rId3"/>
    <sheet name="明細書（設計協議）" sheetId="12" r:id="rId4"/>
    <sheet name="明細書（現場調査）" sheetId="14" r:id="rId5"/>
    <sheet name="明細書（電気詳細設計）" sheetId="13" r:id="rId6"/>
  </sheets>
  <externalReferences>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s>
  <definedNames>
    <definedName name="_">#REF!</definedName>
    <definedName name="_____________d2">[1]!ピクチャ5_Click</definedName>
    <definedName name="____________d2">[2]!ピクチャ5_Click</definedName>
    <definedName name="___________d2">[2]!ピクチャ5_Click</definedName>
    <definedName name="__________d2">[2]!ピクチャ5_Click</definedName>
    <definedName name="_________d2">[2]!ピクチャ5_Click</definedName>
    <definedName name="________d2">[2]!ピクチャ5_Click</definedName>
    <definedName name="_______d2">[2]!ピクチャ5_Click</definedName>
    <definedName name="_______RE2">#REF!</definedName>
    <definedName name="_______SUB2">#REF!</definedName>
    <definedName name="_______SUB3">#REF!</definedName>
    <definedName name="_______SUB4">#REF!</definedName>
    <definedName name="______d2">[2]!ピクチャ5_Click</definedName>
    <definedName name="______RE2">#REF!</definedName>
    <definedName name="______SUB2">#REF!</definedName>
    <definedName name="______SUB3">#REF!</definedName>
    <definedName name="______SUB4">#REF!</definedName>
    <definedName name="_____d2">[2]!ピクチャ5_Click</definedName>
    <definedName name="_____RE2">#REF!</definedName>
    <definedName name="_____SUB2">#REF!</definedName>
    <definedName name="_____SUB3">#REF!</definedName>
    <definedName name="_____SUB4">#REF!</definedName>
    <definedName name="____BOX01">#REF!</definedName>
    <definedName name="____BOX02">#REF!</definedName>
    <definedName name="____BOX03">#REF!</definedName>
    <definedName name="____BUN2">[3]歩・屋!$E$5:$T$16</definedName>
    <definedName name="____d2">[2]!ピクチャ5_Click</definedName>
    <definedName name="____RE2">#REF!</definedName>
    <definedName name="____SON1">#REF!</definedName>
    <definedName name="____son2">#REF!</definedName>
    <definedName name="____SON3">#REF!</definedName>
    <definedName name="____SUB2">#REF!</definedName>
    <definedName name="____SUB3">#REF!</definedName>
    <definedName name="____SUB4">#REF!</definedName>
    <definedName name="____tan1">#REF!</definedName>
    <definedName name="____tan2">#REF!</definedName>
    <definedName name="____tan3">#REF!</definedName>
    <definedName name="___A1">'[4]#REF'!#REF!</definedName>
    <definedName name="___ｂ９">#REF!</definedName>
    <definedName name="___BOX01">#REF!</definedName>
    <definedName name="___BOX02">#REF!</definedName>
    <definedName name="___BOX03">#REF!</definedName>
    <definedName name="___BUN2">[3]歩・屋!$E$5:$T$16</definedName>
    <definedName name="___d2">[2]!ピクチャ5_Click</definedName>
    <definedName name="___N10">#REF!</definedName>
    <definedName name="___N11">#REF!</definedName>
    <definedName name="___N12">#REF!</definedName>
    <definedName name="___N13">#REF!</definedName>
    <definedName name="___N14">#REF!</definedName>
    <definedName name="___N15">#REF!</definedName>
    <definedName name="___N16">#REF!</definedName>
    <definedName name="___N17">#REF!</definedName>
    <definedName name="___N18">#REF!</definedName>
    <definedName name="___N19">#REF!</definedName>
    <definedName name="___N20">#REF!</definedName>
    <definedName name="___N21">#REF!</definedName>
    <definedName name="___N22">#REF!</definedName>
    <definedName name="___N23">#REF!</definedName>
    <definedName name="___N24">#REF!</definedName>
    <definedName name="___N25">#REF!</definedName>
    <definedName name="___N26">#REF!</definedName>
    <definedName name="___N27">#REF!</definedName>
    <definedName name="___N28">#REF!</definedName>
    <definedName name="___N29">#REF!</definedName>
    <definedName name="___N30">#REF!</definedName>
    <definedName name="___N31">#REF!</definedName>
    <definedName name="___N32">#REF!</definedName>
    <definedName name="___N33">#REF!</definedName>
    <definedName name="___N34">#REF!</definedName>
    <definedName name="___N5">#REF!</definedName>
    <definedName name="___N6">#REF!</definedName>
    <definedName name="___N7">#REF!</definedName>
    <definedName name="___N8">#REF!</definedName>
    <definedName name="___N9">#REF!</definedName>
    <definedName name="___RE2">#REF!</definedName>
    <definedName name="___SON1">#REF!</definedName>
    <definedName name="___son2">#REF!</definedName>
    <definedName name="___SON3">#REF!</definedName>
    <definedName name="___SUB2">#REF!</definedName>
    <definedName name="___SUB3">#REF!</definedName>
    <definedName name="___SUB4">#REF!</definedName>
    <definedName name="___tan1">#REF!</definedName>
    <definedName name="___tan2">#REF!</definedName>
    <definedName name="___tan3">#REF!</definedName>
    <definedName name="___V1">#REF!</definedName>
    <definedName name="___V10">#REF!</definedName>
    <definedName name="___V11">#REF!</definedName>
    <definedName name="___V12">#REF!</definedName>
    <definedName name="___V13">#REF!</definedName>
    <definedName name="___V14">#REF!</definedName>
    <definedName name="___V15">#REF!</definedName>
    <definedName name="___V16">#REF!</definedName>
    <definedName name="___V17">#REF!</definedName>
    <definedName name="___V18">#REF!</definedName>
    <definedName name="___V19">#REF!</definedName>
    <definedName name="___V2">#REF!</definedName>
    <definedName name="___V20">#REF!</definedName>
    <definedName name="___V21">#REF!</definedName>
    <definedName name="___V22">#REF!</definedName>
    <definedName name="___V23">#REF!</definedName>
    <definedName name="___V24">#REF!</definedName>
    <definedName name="___V25">#REF!</definedName>
    <definedName name="___V26">#REF!</definedName>
    <definedName name="___V27">#REF!</definedName>
    <definedName name="___V28">#REF!</definedName>
    <definedName name="___V29">#REF!</definedName>
    <definedName name="___V30">#REF!</definedName>
    <definedName name="___V31">#REF!</definedName>
    <definedName name="___V32">#REF!</definedName>
    <definedName name="___V33">#REF!</definedName>
    <definedName name="___V34">#REF!</definedName>
    <definedName name="___V35">#REF!</definedName>
    <definedName name="___V36">#REF!</definedName>
    <definedName name="___V37">#REF!</definedName>
    <definedName name="___V38">#REF!</definedName>
    <definedName name="___V5">#REF!</definedName>
    <definedName name="___V6">#REF!</definedName>
    <definedName name="___V7">#REF!</definedName>
    <definedName name="___V8">#REF!</definedName>
    <definedName name="___V9">#REF!</definedName>
    <definedName name="__1" localSheetId="0">#REF!</definedName>
    <definedName name="__1">#REF!</definedName>
    <definedName name="__10" localSheetId="0">#REF!</definedName>
    <definedName name="__10">#REF!</definedName>
    <definedName name="__11" localSheetId="0">#REF!</definedName>
    <definedName name="__11">#REF!</definedName>
    <definedName name="__12" localSheetId="0">#REF!</definedName>
    <definedName name="__12">#REF!</definedName>
    <definedName name="__123Graph_A" hidden="1">[5]工程算出!#REF!</definedName>
    <definedName name="__123Graph_A外装" localSheetId="0" hidden="1">[6]仮設躯体!#REF!</definedName>
    <definedName name="__123Graph_A外装" hidden="1">[6]仮設躯体!#REF!</definedName>
    <definedName name="__123Graph_A躯体" localSheetId="0" hidden="1">[6]仮設躯体!#REF!</definedName>
    <definedName name="__123Graph_A躯体" hidden="1">[6]仮設躯体!#REF!</definedName>
    <definedName name="__123Graph_A建築" localSheetId="0" hidden="1">[6]仮設躯体!#REF!</definedName>
    <definedName name="__123Graph_A建築" hidden="1">[6]仮設躯体!#REF!</definedName>
    <definedName name="__123Graph_A室内" localSheetId="0" hidden="1">[6]仮設躯体!#REF!</definedName>
    <definedName name="__123Graph_A室内" hidden="1">[6]仮設躯体!#REF!</definedName>
    <definedName name="__123Graph_A土工" localSheetId="0" hidden="1">[6]仮設躯体!#REF!</definedName>
    <definedName name="__123Graph_A土工" hidden="1">[6]仮設躯体!#REF!</definedName>
    <definedName name="__123Graph_A内装" localSheetId="0" hidden="1">[6]仮設躯体!#REF!</definedName>
    <definedName name="__123Graph_A内装" hidden="1">[6]仮設躯体!#REF!</definedName>
    <definedName name="__123Graph_B" hidden="1">#REF!</definedName>
    <definedName name="__123Graph_LBL_A" hidden="1">[5]工程算出!#REF!</definedName>
    <definedName name="__123Graph_X" hidden="1">[5]工程算出!#REF!</definedName>
    <definedName name="__123Graph_X外装" localSheetId="0" hidden="1">[6]仮設躯体!#REF!</definedName>
    <definedName name="__123Graph_X外装" hidden="1">[6]仮設躯体!#REF!</definedName>
    <definedName name="__123Graph_X躯体" localSheetId="0" hidden="1">[6]仮設躯体!#REF!</definedName>
    <definedName name="__123Graph_X躯体" hidden="1">[6]仮設躯体!#REF!</definedName>
    <definedName name="__123Graph_X建築" localSheetId="0" hidden="1">[6]仮設躯体!#REF!</definedName>
    <definedName name="__123Graph_X建築" hidden="1">[6]仮設躯体!#REF!</definedName>
    <definedName name="__123Graph_X室内" localSheetId="0" hidden="1">[6]仮設躯体!#REF!</definedName>
    <definedName name="__123Graph_X室内" hidden="1">[6]仮設躯体!#REF!</definedName>
    <definedName name="__123Graph_X土工" localSheetId="0" hidden="1">[6]仮設躯体!#REF!</definedName>
    <definedName name="__123Graph_X土工" hidden="1">[6]仮設躯体!#REF!</definedName>
    <definedName name="__123Graph_X内装" localSheetId="0" hidden="1">[6]仮設躯体!#REF!</definedName>
    <definedName name="__123Graph_X内装" hidden="1">[6]仮設躯体!#REF!</definedName>
    <definedName name="__2" localSheetId="0">#REF!</definedName>
    <definedName name="__2">#REF!</definedName>
    <definedName name="__3" localSheetId="0">#REF!</definedName>
    <definedName name="__3">#REF!</definedName>
    <definedName name="__4" localSheetId="0">#REF!</definedName>
    <definedName name="__4">#REF!</definedName>
    <definedName name="__5" localSheetId="0">#REF!</definedName>
    <definedName name="__5">#REF!</definedName>
    <definedName name="__6" localSheetId="0">#REF!</definedName>
    <definedName name="__6">#REF!</definedName>
    <definedName name="__7" localSheetId="0">#REF!</definedName>
    <definedName name="__7">#REF!</definedName>
    <definedName name="__8" localSheetId="0">#REF!</definedName>
    <definedName name="__8">#REF!</definedName>
    <definedName name="__9" localSheetId="0">#REF!</definedName>
    <definedName name="__9">#REF!</definedName>
    <definedName name="__A1">#REF!</definedName>
    <definedName name="__ｂ９">#REF!</definedName>
    <definedName name="__BOX01">#REF!</definedName>
    <definedName name="__BOX02">#REF!</definedName>
    <definedName name="__BOX03">#REF!</definedName>
    <definedName name="__BUN2">[3]歩・屋!$E$5:$T$16</definedName>
    <definedName name="__d2">[2]!ピクチャ5_Click</definedName>
    <definedName name="__N10">#REF!</definedName>
    <definedName name="__N11">#REF!</definedName>
    <definedName name="__N12">#REF!</definedName>
    <definedName name="__N13">#REF!</definedName>
    <definedName name="__N14">#REF!</definedName>
    <definedName name="__N15">#REF!</definedName>
    <definedName name="__N16">#REF!</definedName>
    <definedName name="__N17">#REF!</definedName>
    <definedName name="__N18">#REF!</definedName>
    <definedName name="__N19">#REF!</definedName>
    <definedName name="__N20">#REF!</definedName>
    <definedName name="__N21">#REF!</definedName>
    <definedName name="__N22">#REF!</definedName>
    <definedName name="__N23">#REF!</definedName>
    <definedName name="__N24">#REF!</definedName>
    <definedName name="__N25">#REF!</definedName>
    <definedName name="__N26">#REF!</definedName>
    <definedName name="__N27">#REF!</definedName>
    <definedName name="__N28">#REF!</definedName>
    <definedName name="__N29">#REF!</definedName>
    <definedName name="__N30">#REF!</definedName>
    <definedName name="__N31">#REF!</definedName>
    <definedName name="__N32">#REF!</definedName>
    <definedName name="__N33">#REF!</definedName>
    <definedName name="__N34">#REF!</definedName>
    <definedName name="__N5">#REF!</definedName>
    <definedName name="__N6">#REF!</definedName>
    <definedName name="__N7">#REF!</definedName>
    <definedName name="__N8">#REF!</definedName>
    <definedName name="__N9">#REF!</definedName>
    <definedName name="__RE2">#REF!</definedName>
    <definedName name="__SON1">#REF!</definedName>
    <definedName name="__son2">#REF!</definedName>
    <definedName name="__SON3">#REF!</definedName>
    <definedName name="__SUB2">#REF!</definedName>
    <definedName name="__SUB3">#REF!</definedName>
    <definedName name="__SUB4">#REF!</definedName>
    <definedName name="__tan1">#REF!</definedName>
    <definedName name="__tan2">#REF!</definedName>
    <definedName name="__tan3">#REF!</definedName>
    <definedName name="__V1">#REF!</definedName>
    <definedName name="__V10">#REF!</definedName>
    <definedName name="__V11">#REF!</definedName>
    <definedName name="__V12">#REF!</definedName>
    <definedName name="__V13">#REF!</definedName>
    <definedName name="__V14">#REF!</definedName>
    <definedName name="__V15">#REF!</definedName>
    <definedName name="__V16">#REF!</definedName>
    <definedName name="__V17">#REF!</definedName>
    <definedName name="__V18">#REF!</definedName>
    <definedName name="__V19">#REF!</definedName>
    <definedName name="__V2">#REF!</definedName>
    <definedName name="__V20">#REF!</definedName>
    <definedName name="__V21">#REF!</definedName>
    <definedName name="__V22">#REF!</definedName>
    <definedName name="__V23">#REF!</definedName>
    <definedName name="__V24">#REF!</definedName>
    <definedName name="__V25">#REF!</definedName>
    <definedName name="__V26">#REF!</definedName>
    <definedName name="__V27">#REF!</definedName>
    <definedName name="__V28">#REF!</definedName>
    <definedName name="__V29">#REF!</definedName>
    <definedName name="__V30">#REF!</definedName>
    <definedName name="__V31">#REF!</definedName>
    <definedName name="__V32">#REF!</definedName>
    <definedName name="__V33">#REF!</definedName>
    <definedName name="__V34">#REF!</definedName>
    <definedName name="__V35">#REF!</definedName>
    <definedName name="__V36">#REF!</definedName>
    <definedName name="__V37">#REF!</definedName>
    <definedName name="__V38">#REF!</definedName>
    <definedName name="__V5">#REF!</definedName>
    <definedName name="__V6">#REF!</definedName>
    <definedName name="__V7">#REF!</definedName>
    <definedName name="__V8">#REF!</definedName>
    <definedName name="__V9">#REF!</definedName>
    <definedName name="_1" localSheetId="0">#REF!</definedName>
    <definedName name="_1">#REF!</definedName>
    <definedName name="_10" localSheetId="0">#REF!</definedName>
    <definedName name="_10">#REF!</definedName>
    <definedName name="_1000">#REF!</definedName>
    <definedName name="_1010">[7]見積01!#REF!</definedName>
    <definedName name="_1020">[7]見積01!#REF!</definedName>
    <definedName name="_11" localSheetId="0">#REF!</definedName>
    <definedName name="_11">#REF!</definedName>
    <definedName name="_111">#REF!</definedName>
    <definedName name="_111a">#REF!</definedName>
    <definedName name="_116">#REF!</definedName>
    <definedName name="_116a">#REF!</definedName>
    <definedName name="_117">#REF!</definedName>
    <definedName name="_117a">#REF!</definedName>
    <definedName name="_118">#REF!</definedName>
    <definedName name="_118a">#REF!</definedName>
    <definedName name="_119">#REF!</definedName>
    <definedName name="_119a">#REF!</definedName>
    <definedName name="_11a">#REF!</definedName>
    <definedName name="_12" localSheetId="0">#REF!</definedName>
    <definedName name="_12">#REF!</definedName>
    <definedName name="_120">#REF!</definedName>
    <definedName name="_120a">#REF!</definedName>
    <definedName name="_121">#REF!</definedName>
    <definedName name="_121a">#REF!</definedName>
    <definedName name="_122">#REF!</definedName>
    <definedName name="_122a">#REF!</definedName>
    <definedName name="_123">#REF!</definedName>
    <definedName name="_123Gaaa_A" localSheetId="0" hidden="1">[8]Sheet2!#REF!</definedName>
    <definedName name="_123Gaaa_A" hidden="1">[8]Sheet2!#REF!</definedName>
    <definedName name="_123Graph" localSheetId="0" hidden="1">[8]Sheet2!#REF!</definedName>
    <definedName name="_123Graph" hidden="1">[8]Sheet2!#REF!</definedName>
    <definedName name="_13">[7]見積01!#REF!</definedName>
    <definedName name="_14">[7]見積01!#REF!</definedName>
    <definedName name="_15">[7]見積01!#REF!</definedName>
    <definedName name="_16">#REF!</definedName>
    <definedName name="_17">#REF!</definedName>
    <definedName name="_18">#REF!</definedName>
    <definedName name="_19">#REF!</definedName>
    <definedName name="_1ｂ９_">#REF!</definedName>
    <definedName name="_1d2_">[2]!ピクチャ5_Click</definedName>
    <definedName name="_1Print_Area_02__4">#REF!</definedName>
    <definedName name="_2" localSheetId="0">#REF!</definedName>
    <definedName name="_2">#REF!</definedName>
    <definedName name="_2.0×2___1.08×2___×_2.95" localSheetId="0">#REF!</definedName>
    <definedName name="_2.0×2___1.08×2___×_2.95">#REF!</definedName>
    <definedName name="_20">#REF!</definedName>
    <definedName name="_21">#REF!</definedName>
    <definedName name="_216">#REF!</definedName>
    <definedName name="_217">#REF!</definedName>
    <definedName name="_218">#REF!</definedName>
    <definedName name="_219">#REF!</definedName>
    <definedName name="_22">#REF!</definedName>
    <definedName name="_220">#REF!</definedName>
    <definedName name="_221">#REF!</definedName>
    <definedName name="_222">#REF!</definedName>
    <definedName name="_223">#REF!</definedName>
    <definedName name="_23">#REF!</definedName>
    <definedName name="_2ページまで">#REF!</definedName>
    <definedName name="_2印刷範囲_2" localSheetId="0">#REF!</definedName>
    <definedName name="_2印刷範囲_2">#REF!</definedName>
    <definedName name="_2号明細書_M">#REF!</definedName>
    <definedName name="_3" localSheetId="0">#REF!</definedName>
    <definedName name="_3">#REF!</definedName>
    <definedName name="_33">#REF!</definedName>
    <definedName name="_3Print_Area_02">#REF!</definedName>
    <definedName name="_3ページまで">#REF!</definedName>
    <definedName name="_3印刷範囲_5">#REF!</definedName>
    <definedName name="_3行挿入">#REF!</definedName>
    <definedName name="_4" localSheetId="0">#REF!</definedName>
    <definedName name="_4">#REF!</definedName>
    <definedName name="_44">#REF!</definedName>
    <definedName name="_4d2_">[9]!ピクチャ5_Click</definedName>
    <definedName name="_4Print_Area_03">#REF!</definedName>
    <definedName name="_4ページまで">#REF!</definedName>
    <definedName name="_4印刷範囲_6" localSheetId="0">#REF!</definedName>
    <definedName name="_4印刷範囲_6">#REF!</definedName>
    <definedName name="_5" localSheetId="0">#REF!</definedName>
    <definedName name="_5">#REF!</definedName>
    <definedName name="_50">#REF!</definedName>
    <definedName name="_55">#REF!</definedName>
    <definedName name="_5ページまで">#REF!</definedName>
    <definedName name="_5印刷範囲_7">#REF!</definedName>
    <definedName name="_6" localSheetId="0">#REF!</definedName>
    <definedName name="_6">#REF!</definedName>
    <definedName name="_66">#REF!</definedName>
    <definedName name="_6ページまで">#REF!</definedName>
    <definedName name="_7" localSheetId="0">#REF!</definedName>
    <definedName name="_7">#REF!</definedName>
    <definedName name="_7ページまで">#REF!</definedName>
    <definedName name="_8" localSheetId="0">#REF!</definedName>
    <definedName name="_8">#REF!</definedName>
    <definedName name="_850">#REF!</definedName>
    <definedName name="_88">#REF!</definedName>
    <definedName name="_9" localSheetId="0">#REF!</definedName>
    <definedName name="_9">#REF!</definedName>
    <definedName name="_99">#REF!</definedName>
    <definedName name="_A1">#REF!</definedName>
    <definedName name="_A10">#REF!</definedName>
    <definedName name="_A11">#REF!</definedName>
    <definedName name="_A12">#REF!</definedName>
    <definedName name="_A13">#REF!</definedName>
    <definedName name="_A14">#REF!</definedName>
    <definedName name="_A15">#REF!</definedName>
    <definedName name="_A16">#REF!</definedName>
    <definedName name="_A17">#REF!</definedName>
    <definedName name="_A18">#REF!</definedName>
    <definedName name="_A19">#REF!</definedName>
    <definedName name="_A2">#REF!</definedName>
    <definedName name="_A20">#REF!</definedName>
    <definedName name="_A21">#REF!</definedName>
    <definedName name="_A22">#REF!</definedName>
    <definedName name="_A23">#REF!</definedName>
    <definedName name="_A24">#REF!</definedName>
    <definedName name="_A25">#REF!</definedName>
    <definedName name="_A26">#REF!</definedName>
    <definedName name="_A27">#REF!</definedName>
    <definedName name="_A28">#REF!</definedName>
    <definedName name="_A29">#REF!</definedName>
    <definedName name="_A3">#REF!</definedName>
    <definedName name="_A30">#REF!</definedName>
    <definedName name="_A31">#REF!</definedName>
    <definedName name="_A32">#REF!</definedName>
    <definedName name="_A33">#REF!</definedName>
    <definedName name="_A34">#REF!</definedName>
    <definedName name="_A35">#REF!</definedName>
    <definedName name="_A36">#REF!</definedName>
    <definedName name="_A37">#REF!</definedName>
    <definedName name="_A38">#REF!</definedName>
    <definedName name="_A39">#REF!</definedName>
    <definedName name="_A4">#REF!</definedName>
    <definedName name="_A40">#REF!</definedName>
    <definedName name="_A41">#REF!</definedName>
    <definedName name="_A42">#REF!</definedName>
    <definedName name="_A43">#REF!</definedName>
    <definedName name="_A44">#REF!</definedName>
    <definedName name="_A45">#REF!</definedName>
    <definedName name="_A46">#REF!</definedName>
    <definedName name="_A47">#REF!</definedName>
    <definedName name="_A48">#REF!</definedName>
    <definedName name="_A49">#REF!</definedName>
    <definedName name="_A5">#REF!</definedName>
    <definedName name="_A50">#REF!</definedName>
    <definedName name="_A51">#REF!</definedName>
    <definedName name="_A52">#REF!</definedName>
    <definedName name="_A53">#REF!</definedName>
    <definedName name="_A54">#REF!</definedName>
    <definedName name="_A55">#REF!</definedName>
    <definedName name="_A56">#REF!</definedName>
    <definedName name="_A57">#REF!</definedName>
    <definedName name="_A58">#REF!</definedName>
    <definedName name="_A59">#REF!</definedName>
    <definedName name="_A6">#REF!</definedName>
    <definedName name="_A60">#REF!</definedName>
    <definedName name="_A61">#REF!</definedName>
    <definedName name="_A62">#REF!</definedName>
    <definedName name="_A63">#REF!</definedName>
    <definedName name="_A64">#REF!</definedName>
    <definedName name="_A65">#REF!</definedName>
    <definedName name="_A66">#REF!</definedName>
    <definedName name="_A67">#REF!</definedName>
    <definedName name="_A68">#REF!</definedName>
    <definedName name="_A69">#REF!</definedName>
    <definedName name="_A7">#REF!</definedName>
    <definedName name="_A70">#REF!</definedName>
    <definedName name="_A71">#REF!</definedName>
    <definedName name="_A73">#REF!</definedName>
    <definedName name="_A74">#REF!</definedName>
    <definedName name="_A75">#REF!</definedName>
    <definedName name="_A76">#REF!</definedName>
    <definedName name="_A77">#REF!</definedName>
    <definedName name="_A78">#REF!</definedName>
    <definedName name="_A79">#REF!</definedName>
    <definedName name="_A8">#REF!</definedName>
    <definedName name="_A81">#REF!</definedName>
    <definedName name="_A82">#REF!</definedName>
    <definedName name="_A9">#REF!</definedName>
    <definedName name="_ｂ９">#REF!</definedName>
    <definedName name="_BOX01">#REF!</definedName>
    <definedName name="_BOX02">#REF!</definedName>
    <definedName name="_BOX03">#REF!</definedName>
    <definedName name="_BUN2">[3]歩・屋!$E$5:$T$16</definedName>
    <definedName name="_d2">[2]!ピクチャ5_Click</definedName>
    <definedName name="_d3">[10]!ピクチャ5_Click</definedName>
    <definedName name="_dd1">[11]!Dialog3_ボタン2_Click</definedName>
    <definedName name="_ddd2">[11]!ピクチャ5_Click</definedName>
    <definedName name="_Fill" localSheetId="0" hidden="1">#REF!</definedName>
    <definedName name="_Fill" hidden="1">#REF!</definedName>
    <definedName name="_xlnm._FilterDatabase" localSheetId="0" hidden="1">#REF!</definedName>
    <definedName name="_xlnm._FilterDatabase" hidden="1">#REF!</definedName>
    <definedName name="_I1">#REF!</definedName>
    <definedName name="_I2">#REF!</definedName>
    <definedName name="_I3">#REF!</definedName>
    <definedName name="_Key1" localSheetId="0" hidden="1">[3]内・屋外!#REF!</definedName>
    <definedName name="_Key1" hidden="1">[3]内・屋外!#REF!</definedName>
    <definedName name="_Key2" localSheetId="0" hidden="1">[3]内・屋外!#REF!</definedName>
    <definedName name="_Key2" hidden="1">[3]内・屋外!#REF!</definedName>
    <definedName name="_N1">#REF!</definedName>
    <definedName name="_N10">#REF!</definedName>
    <definedName name="_N11">#REF!</definedName>
    <definedName name="_N12">#REF!</definedName>
    <definedName name="_N13">#REF!</definedName>
    <definedName name="_N14">#REF!</definedName>
    <definedName name="_N15">#REF!</definedName>
    <definedName name="_N16">#REF!</definedName>
    <definedName name="_N17">#REF!</definedName>
    <definedName name="_N18">#REF!</definedName>
    <definedName name="_N19">#REF!</definedName>
    <definedName name="_N2">#REF!</definedName>
    <definedName name="_N20">#REF!</definedName>
    <definedName name="_N21">#REF!</definedName>
    <definedName name="_N22">#REF!</definedName>
    <definedName name="_N23">#REF!</definedName>
    <definedName name="_N24">#REF!</definedName>
    <definedName name="_N25">#REF!</definedName>
    <definedName name="_N26">#REF!</definedName>
    <definedName name="_N27">#REF!</definedName>
    <definedName name="_N28">#REF!</definedName>
    <definedName name="_N29">#REF!</definedName>
    <definedName name="_N3">#REF!</definedName>
    <definedName name="_N30">#REF!</definedName>
    <definedName name="_N31">#REF!</definedName>
    <definedName name="_N32">#REF!</definedName>
    <definedName name="_N33">#REF!</definedName>
    <definedName name="_N34">#REF!</definedName>
    <definedName name="_N4">#REF!</definedName>
    <definedName name="_N5">#REF!</definedName>
    <definedName name="_N6">#REF!</definedName>
    <definedName name="_N7">#REF!</definedName>
    <definedName name="_N8">#REF!</definedName>
    <definedName name="_N9">#REF!</definedName>
    <definedName name="_Order1" hidden="1">255</definedName>
    <definedName name="_Order2" hidden="1">255</definedName>
    <definedName name="_P">#REF!</definedName>
    <definedName name="_P1" localSheetId="0">#REF!</definedName>
    <definedName name="_P1">#REF!</definedName>
    <definedName name="_p2" localSheetId="0">#REF!</definedName>
    <definedName name="_p2">#REF!</definedName>
    <definedName name="_p3" localSheetId="0">#REF!</definedName>
    <definedName name="_p3">#REF!</definedName>
    <definedName name="_Parse_Out" localSheetId="0" hidden="1">#REF!</definedName>
    <definedName name="_Parse_Out" hidden="1">#REF!</definedName>
    <definedName name="_RE2">#REF!</definedName>
    <definedName name="_Regression_Int" hidden="1">1</definedName>
    <definedName name="_Regression_Out" localSheetId="0" hidden="1">#REF!</definedName>
    <definedName name="_Regression_Out" hidden="1">#REF!</definedName>
    <definedName name="_Regression_X" localSheetId="0" hidden="1">#REF!</definedName>
    <definedName name="_Regression_X" hidden="1">#REF!</definedName>
    <definedName name="_Regression_Y" localSheetId="0" hidden="1">#REF!</definedName>
    <definedName name="_Regression_Y" hidden="1">#REF!</definedName>
    <definedName name="_SON1">#REF!</definedName>
    <definedName name="_son2">#REF!</definedName>
    <definedName name="_SON3">#REF!</definedName>
    <definedName name="_Sort" localSheetId="0" hidden="1">[3]内・屋外!#REF!</definedName>
    <definedName name="_Sort" hidden="1">[3]内・屋外!#REF!</definedName>
    <definedName name="_SUB2">#REF!</definedName>
    <definedName name="_SUB3">#REF!</definedName>
    <definedName name="_SUB4">#REF!</definedName>
    <definedName name="_Table1_In1" hidden="1">#REF!</definedName>
    <definedName name="_Table1_Out" hidden="1">#REF!</definedName>
    <definedName name="_Table2_In1" hidden="1">#REF!</definedName>
    <definedName name="_Table2_In2" hidden="1">#REF!</definedName>
    <definedName name="_Table2_Out" hidden="1">#REF!</definedName>
    <definedName name="_tan1">#REF!</definedName>
    <definedName name="_tan2">#REF!</definedName>
    <definedName name="_tan3">#REF!</definedName>
    <definedName name="_V1">#REF!</definedName>
    <definedName name="_V10">#REF!</definedName>
    <definedName name="_V11">#REF!</definedName>
    <definedName name="_V12">#REF!</definedName>
    <definedName name="_V13">#REF!</definedName>
    <definedName name="_V14">#REF!</definedName>
    <definedName name="_V15">#REF!</definedName>
    <definedName name="_V16">#REF!</definedName>
    <definedName name="_V17">#REF!</definedName>
    <definedName name="_V18">#REF!</definedName>
    <definedName name="_V19">#REF!</definedName>
    <definedName name="_V2">#REF!</definedName>
    <definedName name="_V20">#REF!</definedName>
    <definedName name="_V21">#REF!</definedName>
    <definedName name="_V22">#REF!</definedName>
    <definedName name="_V23">#REF!</definedName>
    <definedName name="_V24">#REF!</definedName>
    <definedName name="_V25">#REF!</definedName>
    <definedName name="_V26">#REF!</definedName>
    <definedName name="_V27">#REF!</definedName>
    <definedName name="_V28">#REF!</definedName>
    <definedName name="_V29">#REF!</definedName>
    <definedName name="_V3">#REF!</definedName>
    <definedName name="_V30">#REF!</definedName>
    <definedName name="_V31">#REF!</definedName>
    <definedName name="_V32">#REF!</definedName>
    <definedName name="_V33">#REF!</definedName>
    <definedName name="_V34">#REF!</definedName>
    <definedName name="_V35">#REF!</definedName>
    <definedName name="_V36">#REF!</definedName>
    <definedName name="_V37">#REF!</definedName>
    <definedName name="_V38">#REF!</definedName>
    <definedName name="_V4">#REF!</definedName>
    <definedName name="_V5">#REF!</definedName>
    <definedName name="_V6">#REF!</definedName>
    <definedName name="_V7">#REF!</definedName>
    <definedName name="_V8">#REF!</definedName>
    <definedName name="_V9">#REF!</definedName>
    <definedName name="\0">#REF!</definedName>
    <definedName name="\1">[12]諸経費計算表!$R$3:$AA$38</definedName>
    <definedName name="\11">[12]諸経費計算表!$R$3:$AA$38</definedName>
    <definedName name="￥1250">#REF!</definedName>
    <definedName name="￥1900">#REF!</definedName>
    <definedName name="\2">[12]諸経費計算表!$A$8:$F$65</definedName>
    <definedName name="\A" localSheetId="0">#REF!</definedName>
    <definedName name="\A" localSheetId="4">[13]経費計算!#REF!</definedName>
    <definedName name="\A" localSheetId="3">[13]経費計算!#REF!</definedName>
    <definedName name="\A" localSheetId="5">[13]経費計算!#REF!</definedName>
    <definedName name="\A">#REF!</definedName>
    <definedName name="\A1" localSheetId="0">#REF!</definedName>
    <definedName name="\A1">#REF!</definedName>
    <definedName name="\AAA" localSheetId="0">#REF!</definedName>
    <definedName name="\AAA">#REF!</definedName>
    <definedName name="\B" localSheetId="0">#REF!</definedName>
    <definedName name="\B" localSheetId="4">[13]経費計算!#REF!</definedName>
    <definedName name="\B" localSheetId="3">[13]経費計算!#REF!</definedName>
    <definedName name="\B" localSheetId="5">[13]経費計算!#REF!</definedName>
    <definedName name="\B">#REF!</definedName>
    <definedName name="\B1" localSheetId="0">#REF!</definedName>
    <definedName name="\B1" localSheetId="4">[13]経費計算!#REF!</definedName>
    <definedName name="\B1" localSheetId="3">[13]経費計算!#REF!</definedName>
    <definedName name="\B1" localSheetId="5">[13]経費計算!#REF!</definedName>
    <definedName name="\B1">#REF!</definedName>
    <definedName name="\C" localSheetId="0">#REF!</definedName>
    <definedName name="\c" localSheetId="4">[14]単価根拠!$U$56</definedName>
    <definedName name="\c" localSheetId="3">[14]単価根拠!$U$56</definedName>
    <definedName name="\c" localSheetId="5">[14]単価根拠!$U$56</definedName>
    <definedName name="\C">#REF!</definedName>
    <definedName name="\C1" localSheetId="0">#REF!</definedName>
    <definedName name="\C1" localSheetId="4">[13]経費計算!#REF!</definedName>
    <definedName name="\C1" localSheetId="3">[13]経費計算!#REF!</definedName>
    <definedName name="\C1" localSheetId="5">[13]経費計算!#REF!</definedName>
    <definedName name="\C1">#REF!</definedName>
    <definedName name="\D" localSheetId="0">#REF!</definedName>
    <definedName name="\D" localSheetId="4">[13]経費計算!#REF!</definedName>
    <definedName name="\D" localSheetId="3">[13]経費計算!#REF!</definedName>
    <definedName name="\D" localSheetId="5">[13]経費計算!#REF!</definedName>
    <definedName name="\D">#REF!</definedName>
    <definedName name="\D1" localSheetId="0">#REF!</definedName>
    <definedName name="\D1" localSheetId="4">[13]経費計算!#REF!</definedName>
    <definedName name="\D1" localSheetId="3">[13]経費計算!#REF!</definedName>
    <definedName name="\D1" localSheetId="5">[13]経費計算!#REF!</definedName>
    <definedName name="\D1">#REF!</definedName>
    <definedName name="\E" localSheetId="0">#REF!</definedName>
    <definedName name="\e" localSheetId="4">[14]単価根拠!$W$56</definedName>
    <definedName name="\e" localSheetId="3">[14]単価根拠!$W$56</definedName>
    <definedName name="\e" localSheetId="5">[14]単価根拠!$W$56</definedName>
    <definedName name="\E">#REF!</definedName>
    <definedName name="\E1" localSheetId="0">#REF!</definedName>
    <definedName name="\E1">#REF!</definedName>
    <definedName name="\F" localSheetId="0">#REF!</definedName>
    <definedName name="\F">#REF!</definedName>
    <definedName name="\F1" localSheetId="0">#REF!</definedName>
    <definedName name="\F1">#REF!</definedName>
    <definedName name="\G" localSheetId="0">#REF!</definedName>
    <definedName name="\G">#REF!</definedName>
    <definedName name="\G1" localSheetId="0">#REF!</definedName>
    <definedName name="\G1">#REF!</definedName>
    <definedName name="\GOTO" localSheetId="0">#REF!</definedName>
    <definedName name="\GOTO">#REF!</definedName>
    <definedName name="\H" localSheetId="0">#REF!</definedName>
    <definedName name="\H" localSheetId="4">#REF!</definedName>
    <definedName name="\H" localSheetId="3">#REF!</definedName>
    <definedName name="\H" localSheetId="5">#REF!</definedName>
    <definedName name="\H">#REF!</definedName>
    <definedName name="\H1" localSheetId="0">#REF!</definedName>
    <definedName name="\H1">#REF!</definedName>
    <definedName name="\I" localSheetId="0">#REF!</definedName>
    <definedName name="\I" localSheetId="4">#REF!</definedName>
    <definedName name="\I" localSheetId="3">#REF!</definedName>
    <definedName name="\I" localSheetId="5">#REF!</definedName>
    <definedName name="\I">#REF!</definedName>
    <definedName name="\I1" localSheetId="0">#REF!</definedName>
    <definedName name="\I1" localSheetId="4">#REF!</definedName>
    <definedName name="\I1" localSheetId="3">#REF!</definedName>
    <definedName name="\I1" localSheetId="5">#REF!</definedName>
    <definedName name="\I1">#REF!</definedName>
    <definedName name="\J" localSheetId="0">#REF!</definedName>
    <definedName name="\J" localSheetId="4">#REF!</definedName>
    <definedName name="\J" localSheetId="3">#REF!</definedName>
    <definedName name="\J" localSheetId="5">#REF!</definedName>
    <definedName name="\J">#REF!</definedName>
    <definedName name="\J1" localSheetId="0">#REF!</definedName>
    <definedName name="\J1" localSheetId="4">#REF!</definedName>
    <definedName name="\J1" localSheetId="3">#REF!</definedName>
    <definedName name="\J1" localSheetId="5">#REF!</definedName>
    <definedName name="\J1">#REF!</definedName>
    <definedName name="\K" localSheetId="0">#REF!</definedName>
    <definedName name="\K" localSheetId="4">#REF!</definedName>
    <definedName name="\K" localSheetId="3">#REF!</definedName>
    <definedName name="\K" localSheetId="5">#REF!</definedName>
    <definedName name="\K">#REF!</definedName>
    <definedName name="\K1" localSheetId="0">#REF!</definedName>
    <definedName name="\K1" localSheetId="4">#REF!</definedName>
    <definedName name="\K1" localSheetId="3">#REF!</definedName>
    <definedName name="\K1" localSheetId="5">#REF!</definedName>
    <definedName name="\K1">#REF!</definedName>
    <definedName name="\L" localSheetId="0">#REF!</definedName>
    <definedName name="\L">#REF!</definedName>
    <definedName name="\L1" localSheetId="0">#REF!</definedName>
    <definedName name="\L1">#REF!</definedName>
    <definedName name="\M" localSheetId="0">#REF!</definedName>
    <definedName name="\M">#REF!</definedName>
    <definedName name="\M1" localSheetId="0">#REF!</definedName>
    <definedName name="\M1">#REF!</definedName>
    <definedName name="\N" localSheetId="0">#REF!</definedName>
    <definedName name="\N">#REF!</definedName>
    <definedName name="\N1" localSheetId="0">#REF!</definedName>
    <definedName name="\N1">#REF!</definedName>
    <definedName name="\O" localSheetId="0">#REF!</definedName>
    <definedName name="\O" localSheetId="4">#REF!</definedName>
    <definedName name="\O" localSheetId="3">#REF!</definedName>
    <definedName name="\O" localSheetId="5">#REF!</definedName>
    <definedName name="\O">#REF!</definedName>
    <definedName name="\O1" localSheetId="0">#REF!</definedName>
    <definedName name="\O1" localSheetId="4">#REF!</definedName>
    <definedName name="\O1" localSheetId="3">#REF!</definedName>
    <definedName name="\O1" localSheetId="5">#REF!</definedName>
    <definedName name="\O1">#REF!</definedName>
    <definedName name="\P" localSheetId="0">#REF!</definedName>
    <definedName name="\P" localSheetId="4">#REF!</definedName>
    <definedName name="\P" localSheetId="3">#REF!</definedName>
    <definedName name="\P" localSheetId="5">#REF!</definedName>
    <definedName name="\P">#REF!</definedName>
    <definedName name="\P1">#REF!</definedName>
    <definedName name="\pn">[12]諸経費計算表!$A$2</definedName>
    <definedName name="\Q" localSheetId="0">#REF!</definedName>
    <definedName name="\Q">#REF!</definedName>
    <definedName name="\R" localSheetId="0">#REF!</definedName>
    <definedName name="\R">#REF!</definedName>
    <definedName name="\S" localSheetId="0">#REF!</definedName>
    <definedName name="\S">#REF!</definedName>
    <definedName name="\T" localSheetId="0">#REF!</definedName>
    <definedName name="\T">#REF!</definedName>
    <definedName name="\U" localSheetId="0">#REF!</definedName>
    <definedName name="\U">#REF!</definedName>
    <definedName name="\V" localSheetId="0">#REF!</definedName>
    <definedName name="\V">#REF!</definedName>
    <definedName name="\W" localSheetId="0">#REF!</definedName>
    <definedName name="\W">#REF!</definedName>
    <definedName name="\X" localSheetId="0">#REF!</definedName>
    <definedName name="\X">#REF!</definedName>
    <definedName name="\Y" localSheetId="0">#REF!</definedName>
    <definedName name="\Y">#REF!</definedName>
    <definedName name="\Z" localSheetId="0">#REF!</definedName>
    <definedName name="\Z">#REF!</definedName>
    <definedName name="￥あ">[15]土工!$D$2</definedName>
    <definedName name="\一覧表" localSheetId="0">#REF!</definedName>
    <definedName name="\一覧表">#REF!</definedName>
    <definedName name="\印刷設定" localSheetId="0">#REF!</definedName>
    <definedName name="\印刷設定">#REF!</definedName>
    <definedName name="\印刷設定一" localSheetId="0">#REF!</definedName>
    <definedName name="\印刷設定一">#REF!</definedName>
    <definedName name="A" localSheetId="0">#REF!</definedName>
    <definedName name="A">#REF!</definedName>
    <definedName name="A_1">'[16]Ａ代価 '!$A$1:$K$65</definedName>
    <definedName name="Ａ_４">#REF!</definedName>
    <definedName name="Ａ_５">#REF!</definedName>
    <definedName name="A_アセチレン">#REF!</definedName>
    <definedName name="A_ガソリン">#REF!</definedName>
    <definedName name="A_プロパンガス">#REF!</definedName>
    <definedName name="A_軽油">#REF!</definedName>
    <definedName name="A_酸素">#REF!</definedName>
    <definedName name="A1_">[17]複１!#REF!</definedName>
    <definedName name="AA">#REF!</definedName>
    <definedName name="AAA">#REF!</definedName>
    <definedName name="AAAA" localSheetId="0">'設計書表紙 '!AAAA</definedName>
    <definedName name="AAAA" localSheetId="2">内訳書!AAAA</definedName>
    <definedName name="AAAA" localSheetId="4">'明細書（現場調査）'!AAAA</definedName>
    <definedName name="AAAA" localSheetId="3">'明細書（設計協議）'!AAAA</definedName>
    <definedName name="AAAA" localSheetId="5">'明細書（電気詳細設計）'!AAAA</definedName>
    <definedName name="AAAA">[0]!AAAA</definedName>
    <definedName name="aaaaa">[18]!Dialog3_ボタン2_Click</definedName>
    <definedName name="AAAAAAAAAAA">[19]!Dialog3_ボタン2_Click</definedName>
    <definedName name="AB">0.2</definedName>
    <definedName name="abc">#REF!</definedName>
    <definedName name="AC">#REF!</definedName>
    <definedName name="AccessDatabase" hidden="1">"C:\My Documents\キンニャモニャセンター計算集計1.mdb"</definedName>
    <definedName name="AD">#REF!</definedName>
    <definedName name="AE">#REF!</definedName>
    <definedName name="AF">#REF!</definedName>
    <definedName name="AG">#REF!</definedName>
    <definedName name="AH">#REF!</definedName>
    <definedName name="AI">#REF!</definedName>
    <definedName name="AIM">#REF!</definedName>
    <definedName name="AJ">#REF!</definedName>
    <definedName name="AN">#REF!</definedName>
    <definedName name="Anzen">[20]!Anzen</definedName>
    <definedName name="AnzenHyouji">[20]!AnzenHyouji</definedName>
    <definedName name="aqw" localSheetId="0">'設計書表紙 '!aqw</definedName>
    <definedName name="aqw" localSheetId="2">内訳書!aqw</definedName>
    <definedName name="aqw" localSheetId="4">'明細書（現場調査）'!aqw</definedName>
    <definedName name="aqw" localSheetId="3">'明細書（設計協議）'!aqw</definedName>
    <definedName name="aqw" localSheetId="5">'明細書（電気詳細設計）'!aqw</definedName>
    <definedName name="aqw">[0]!aqw</definedName>
    <definedName name="AS">#REF!</definedName>
    <definedName name="ASDVIUI">#REF!</definedName>
    <definedName name="AUTOEXEC">#REF!</definedName>
    <definedName name="awe" localSheetId="0">'設計書表紙 '!awe</definedName>
    <definedName name="awe" localSheetId="2">内訳書!awe</definedName>
    <definedName name="awe" localSheetId="4">'明細書（現場調査）'!awe</definedName>
    <definedName name="awe" localSheetId="3">'明細書（設計協議）'!awe</definedName>
    <definedName name="awe" localSheetId="5">'明細書（電気詳細設計）'!awe</definedName>
    <definedName name="awe">[0]!awe</definedName>
    <definedName name="B">#REF!</definedName>
    <definedName name="Ｂ_14">'[21]Ｂ代価 '!#REF!</definedName>
    <definedName name="B4OUT">#REF!</definedName>
    <definedName name="B5OUT">#REF!</definedName>
    <definedName name="BANGOU">#REF!</definedName>
    <definedName name="ｂｂ">[22]条件!$C$14</definedName>
    <definedName name="BG">#REF!</definedName>
    <definedName name="BUGAKE">#REF!</definedName>
    <definedName name="BUN">[3]歩・屋!$E$5:$T$16</definedName>
    <definedName name="Ｂの１">#REF!</definedName>
    <definedName name="Ｂの２">#REF!</definedName>
    <definedName name="Ｂの３">#REF!</definedName>
    <definedName name="Ｂの４">#REF!</definedName>
    <definedName name="Ｂの６">#REF!</definedName>
    <definedName name="B種">#REF!</definedName>
    <definedName name="Ｂ代価">#REF!</definedName>
    <definedName name="C_25">'[21]Ｃ代価(1)'!#REF!</definedName>
    <definedName name="C_26">#REF!</definedName>
    <definedName name="C_27">'[21]Ｃ代価(1)'!#REF!</definedName>
    <definedName name="C_28">'[21]Ｃ代価(1)'!#REF!</definedName>
    <definedName name="C_29">#REF!</definedName>
    <definedName name="C_30">'[21]Ｃ代価(1)'!#REF!</definedName>
    <definedName name="C_31">'[21]Ｃ代価(1)'!#REF!</definedName>
    <definedName name="Ｃ_32">'[21]Ｃ代価(1)'!#REF!</definedName>
    <definedName name="Ｃ_33">'[21]Ｃ代価(1)'!#REF!</definedName>
    <definedName name="Ｃ_34">'[21]Ｃ代価(1)'!#REF!</definedName>
    <definedName name="Ｃ_35">'[21]Ｃ代価(1)'!#REF!</definedName>
    <definedName name="Ｃ_36">'[21]Ｃ代価(1)'!#REF!</definedName>
    <definedName name="C0">#REF!</definedName>
    <definedName name="CC">#REF!</definedName>
    <definedName name="ｃｃｃｃｃｃ">[18]!ピクチャ5_Click</definedName>
    <definedName name="ｃｄ">'[23]３ページ'!$S$66</definedName>
    <definedName name="COUNTER">[24]表紙!#REF!</definedName>
    <definedName name="_xlnm.Criteria" localSheetId="0">#REF!</definedName>
    <definedName name="_xlnm.Criteria">#REF!</definedName>
    <definedName name="Criteria_MI">#REF!</definedName>
    <definedName name="CV3C2">[25]ｹｰﾌﾞﾙ計!#REF!</definedName>
    <definedName name="cv3c2_">[26]ｹｰﾌﾞﾙ労務!#REF!</definedName>
    <definedName name="CVVS2C2">[25]ｹｰﾌﾞﾙ計!#REF!</definedName>
    <definedName name="ｃｚ">#REF!</definedName>
    <definedName name="Ｃの１">#REF!</definedName>
    <definedName name="Ｃの１０">#REF!</definedName>
    <definedName name="Ｃの１１">#REF!</definedName>
    <definedName name="Ｃの１２">#REF!</definedName>
    <definedName name="Ｃの１３">#REF!</definedName>
    <definedName name="Ｃの１４">#REF!</definedName>
    <definedName name="Ｃの１５">#REF!</definedName>
    <definedName name="Ｃの１６">#REF!</definedName>
    <definedName name="Ｃの１７">#REF!</definedName>
    <definedName name="Ｃの１８">#REF!</definedName>
    <definedName name="Ｃの１９">#REF!</definedName>
    <definedName name="Ｃの２">#REF!</definedName>
    <definedName name="Ｃの２０">#REF!</definedName>
    <definedName name="Ｃの２１">#REF!</definedName>
    <definedName name="Ｃの２２">#REF!</definedName>
    <definedName name="Ｃの２３">#REF!</definedName>
    <definedName name="Ｃの２４">#REF!</definedName>
    <definedName name="Ｃの２５">#REF!</definedName>
    <definedName name="Ｃの２６">#REF!</definedName>
    <definedName name="Ｃの２７">#REF!</definedName>
    <definedName name="Ｃの２８">#REF!</definedName>
    <definedName name="Ｃの２９">#REF!</definedName>
    <definedName name="Ｃの３">#REF!</definedName>
    <definedName name="Ｃの３０">#REF!</definedName>
    <definedName name="Ｃの３１">#REF!</definedName>
    <definedName name="Ｃの３２">#REF!</definedName>
    <definedName name="Ｃの３３">#REF!</definedName>
    <definedName name="Ｃの３４">#REF!</definedName>
    <definedName name="Ｃの３５">#REF!</definedName>
    <definedName name="Ｃの３６">#REF!</definedName>
    <definedName name="Ｃの４">#REF!</definedName>
    <definedName name="Ｃの５">#REF!</definedName>
    <definedName name="Ｃの６">#REF!</definedName>
    <definedName name="Ｃの７">#REF!</definedName>
    <definedName name="Ｃの８">#REF!</definedName>
    <definedName name="Ｃの９">#REF!</definedName>
    <definedName name="Ｃ既存校舎">[27]内訳書!#REF!</definedName>
    <definedName name="C種">#REF!</definedName>
    <definedName name="Ｃ代価">#REF!</definedName>
    <definedName name="Ｃ代価表一覧表" localSheetId="0">#REF!</definedName>
    <definedName name="Ｃ代価表一覧表">#REF!</definedName>
    <definedName name="D" localSheetId="0">#REF!</definedName>
    <definedName name="D">#REF!</definedName>
    <definedName name="DAIKA">#REF!</definedName>
    <definedName name="data">[28]一位代価!$A:$IV</definedName>
    <definedName name="data1">#REF!</definedName>
    <definedName name="data12">#REF!</definedName>
    <definedName name="data2">#REF!</definedName>
    <definedName name="data3">#REF!</definedName>
    <definedName name="data4">#REF!</definedName>
    <definedName name="_xlnm.Database">#REF!</definedName>
    <definedName name="Database_MI">#REF!</definedName>
    <definedName name="ｄｃ">[22]条件!$E$23</definedName>
    <definedName name="DD">#REF!</definedName>
    <definedName name="ddd">[11]!ピクチャ5_Click</definedName>
    <definedName name="dddd">[29]!Dialog3_ボタン2_Click</definedName>
    <definedName name="dddd3">[29]!Dialog3_ボタン2_Click</definedName>
    <definedName name="ｄｄｄｄｄ">[30]!ピクチャ5_Click</definedName>
    <definedName name="ddddd5">[29]!ピクチャ5_Click</definedName>
    <definedName name="DDDDDD">[31]!Dialog3_ボタン2_Click</definedName>
    <definedName name="ｄｆ">[22]条件!$C$24</definedName>
    <definedName name="Dialog3_ボタン2_Click">[32]!Dialog3_ボタン2_Click</definedName>
    <definedName name="DK">17902</definedName>
    <definedName name="DKT">19100</definedName>
    <definedName name="ＤＳ">#REF!</definedName>
    <definedName name="Dグランド照明">[27]内訳書!#REF!</definedName>
    <definedName name="e" localSheetId="0">'設計書表紙 '!e</definedName>
    <definedName name="e" localSheetId="2">内訳書!e</definedName>
    <definedName name="e" localSheetId="4">'明細書（現場調査）'!e</definedName>
    <definedName name="e" localSheetId="3">'明細書（設計協議）'!e</definedName>
    <definedName name="e" localSheetId="5">'明細書（電気詳細設計）'!e</definedName>
    <definedName name="e">[0]!e</definedName>
    <definedName name="EC">#REF!</definedName>
    <definedName name="ED">#REF!</definedName>
    <definedName name="EF">#REF!</definedName>
    <definedName name="EG">#REF!</definedName>
    <definedName name="Eizen">[20]!Eizen</definedName>
    <definedName name="EIZEN5" hidden="1">{"設定1",#N/A,FALSE,"第5号-1";"設定2",#N/A,FALSE,"第5号-1"}</definedName>
    <definedName name="EizenHyouji">[20]!EizenHyouji</definedName>
    <definedName name="EK">#REF!</definedName>
    <definedName name="ES">#REF!</definedName>
    <definedName name="EV">#REF!</definedName>
    <definedName name="_xlnm.Extract" localSheetId="0">#REF!</definedName>
    <definedName name="_xlnm.Extract">#REF!</definedName>
    <definedName name="Extract_MI">#REF!</definedName>
    <definedName name="F">#REF!</definedName>
    <definedName name="ｆｆ">[22]条件!$C$16</definedName>
    <definedName name="ｆｇ">[22]条件!$C$23</definedName>
    <definedName name="ｆｈ">[22]条件!$C$9</definedName>
    <definedName name="fhkjhyg">#REF!</definedName>
    <definedName name="FL">[3]歩・屋!$D$4:$D$43</definedName>
    <definedName name="FNA">#REF!</definedName>
    <definedName name="FOR総括表">#REF!</definedName>
    <definedName name="FROMV1">#REF!</definedName>
    <definedName name="FS">14522</definedName>
    <definedName name="G">#REF!</definedName>
    <definedName name="GenbaKanri">[20]!GenbaKanri</definedName>
    <definedName name="GenbaKanriHyouji">[20]!GenbaKanriHyouji</definedName>
    <definedName name="gggg">#REF!</definedName>
    <definedName name="gggggg">#REF!</definedName>
    <definedName name="ＧＴ">[3]歩・屋!$W$12</definedName>
    <definedName name="H">#REF!</definedName>
    <definedName name="hdata12">#REF!</definedName>
    <definedName name="HH">#REF!</definedName>
    <definedName name="ｈｈｈ">[3]歩・屋!$W$13</definedName>
    <definedName name="HK">17902</definedName>
    <definedName name="HOKAN">#REF!</definedName>
    <definedName name="HS">0.2</definedName>
    <definedName name="HYOU">#REF!</definedName>
    <definedName name="HYOU1">#REF!</definedName>
    <definedName name="I">#REF!</definedName>
    <definedName name="IAS">#REF!</definedName>
    <definedName name="iii" localSheetId="0" hidden="1">{"設定1",#N/A,FALSE,"第5号-1";"設定2",#N/A,FALSE,"第5号-1"}</definedName>
    <definedName name="iii" localSheetId="2" hidden="1">{"設定1",#N/A,FALSE,"第5号-1";"設定2",#N/A,FALSE,"第5号-1"}</definedName>
    <definedName name="iii" localSheetId="4" hidden="1">{"設定1",#N/A,FALSE,"第5号-1";"設定2",#N/A,FALSE,"第5号-1"}</definedName>
    <definedName name="iii" localSheetId="3" hidden="1">{"設定1",#N/A,FALSE,"第5号-1";"設定2",#N/A,FALSE,"第5号-1"}</definedName>
    <definedName name="iii" localSheetId="5" hidden="1">{"設定1",#N/A,FALSE,"第5号-1";"設定2",#N/A,FALSE,"第5号-1"}</definedName>
    <definedName name="iii" hidden="1">{"設定1",#N/A,FALSE,"第5号-1";"設定2",#N/A,FALSE,"第5号-1"}</definedName>
    <definedName name="iii_1" localSheetId="0" hidden="1">{"設定1",#N/A,FALSE,"第5号-1";"設定2",#N/A,FALSE,"第5号-1"}</definedName>
    <definedName name="iii_1" hidden="1">{"設定1",#N/A,FALSE,"第5号-1";"設定2",#N/A,FALSE,"第5号-1"}</definedName>
    <definedName name="IN_KNN" localSheetId="0">#REF!</definedName>
    <definedName name="IN_KNN">#REF!</definedName>
    <definedName name="INPUT">#REF!</definedName>
    <definedName name="INPUT1">#REF!</definedName>
    <definedName name="INPUT2">#REF!</definedName>
    <definedName name="int">#REF!</definedName>
    <definedName name="IppanKanri">[20]!IppanKanri</definedName>
    <definedName name="IppanKanriHyouji">[20]!IppanKanriHyouji</definedName>
    <definedName name="J">#REF!</definedName>
    <definedName name="ｊｊ">[22]条件!$C$21</definedName>
    <definedName name="Junbi">[20]!Junbi</definedName>
    <definedName name="JunbiHyouji">[20]!JunbiHyouji</definedName>
    <definedName name="K" localSheetId="0">'設計書表紙 '!K</definedName>
    <definedName name="K" localSheetId="2">内訳書!K</definedName>
    <definedName name="K" localSheetId="4">'明細書（現場調査）'!K</definedName>
    <definedName name="K" localSheetId="3">'明細書（設計協議）'!K</definedName>
    <definedName name="K" localSheetId="5">'明細書（電気詳細設計）'!K</definedName>
    <definedName name="K">[0]!K</definedName>
    <definedName name="keihi2" hidden="1">#REF!</definedName>
    <definedName name="KH">22720</definedName>
    <definedName name="KHK">0</definedName>
    <definedName name="kk" localSheetId="0">'設計書表紙 '!kk</definedName>
    <definedName name="kk" localSheetId="2">内訳書!kk</definedName>
    <definedName name="kk" localSheetId="4">'明細書（現場調査）'!kk</definedName>
    <definedName name="kk" localSheetId="3">'明細書（設計協議）'!kk</definedName>
    <definedName name="kk" localSheetId="5">'明細書（電気詳細設計）'!kk</definedName>
    <definedName name="kk">[0]!kk</definedName>
    <definedName name="kkk">[33]入力一般管理!#REF!</definedName>
    <definedName name="kkkkk" localSheetId="0" hidden="1">{"設定1",#N/A,FALSE,"第5号-1";"設定2",#N/A,FALSE,"第5号-1"}</definedName>
    <definedName name="kkkkk" localSheetId="2" hidden="1">{"設定1",#N/A,FALSE,"第5号-1";"設定2",#N/A,FALSE,"第5号-1"}</definedName>
    <definedName name="kkkkk" localSheetId="4" hidden="1">{"設定1",#N/A,FALSE,"第5号-1";"設定2",#N/A,FALSE,"第5号-1"}</definedName>
    <definedName name="kkkkk" localSheetId="3" hidden="1">{"設定1",#N/A,FALSE,"第5号-1";"設定2",#N/A,FALSE,"第5号-1"}</definedName>
    <definedName name="kkkkk" localSheetId="5" hidden="1">{"設定1",#N/A,FALSE,"第5号-1";"設定2",#N/A,FALSE,"第5号-1"}</definedName>
    <definedName name="kkkkk" hidden="1">{"設定1",#N/A,FALSE,"第5号-1";"設定2",#N/A,FALSE,"第5号-1"}</definedName>
    <definedName name="kkkkk_1" localSheetId="0" hidden="1">{"設定1",#N/A,FALSE,"第5号-1";"設定2",#N/A,FALSE,"第5号-1"}</definedName>
    <definedName name="kkkkk_1" hidden="1">{"設定1",#N/A,FALSE,"第5号-1";"設定2",#N/A,FALSE,"第5号-1"}</definedName>
    <definedName name="KR">#REF!</definedName>
    <definedName name="KS">0.18</definedName>
    <definedName name="kt">0</definedName>
    <definedName name="kw計">#REF!</definedName>
    <definedName name="L" localSheetId="0">'設計書表紙 '!L</definedName>
    <definedName name="L" localSheetId="2">内訳書!L</definedName>
    <definedName name="L" localSheetId="4">'明細書（現場調査）'!L</definedName>
    <definedName name="L" localSheetId="3">'明細書（設計協議）'!L</definedName>
    <definedName name="L" localSheetId="5">'明細書（電気詳細設計）'!L</definedName>
    <definedName name="L">[0]!L</definedName>
    <definedName name="L3554Ｌ３０００">#REF!</definedName>
    <definedName name="LL">#REF!</definedName>
    <definedName name="LOOPN">[24]表紙!#REF!</definedName>
    <definedName name="LOOPS">[24]表紙!#REF!</definedName>
    <definedName name="LOOP入">[24]表紙!#REF!</definedName>
    <definedName name="LOOP抜">[24]表紙!#REF!</definedName>
    <definedName name="Ｍ">#REF!</definedName>
    <definedName name="MENU">#REF!</definedName>
    <definedName name="MENUA">[24]表紙!#REF!</definedName>
    <definedName name="MENUB">[24]表紙!#REF!</definedName>
    <definedName name="MENUE">[24]表紙!#REF!</definedName>
    <definedName name="MENUP">[24]表紙!#REF!</definedName>
    <definedName name="MENUP2">[24]表紙!#REF!</definedName>
    <definedName name="MI">#REF!</definedName>
    <definedName name="ｍｊ">'[23]３ページ'!#REF!</definedName>
    <definedName name="mm">[34]表紙!#REF!</definedName>
    <definedName name="Module1.印刷">[0]!Module1.印刷</definedName>
    <definedName name="MP">17902</definedName>
    <definedName name="MT">2040</definedName>
    <definedName name="n">#REF!</definedName>
    <definedName name="NAIYOU">#REF!</definedName>
    <definedName name="NL">#REF!</definedName>
    <definedName name="NO.0_NO.9">#REF!</definedName>
    <definedName name="NO.105_NO.118">#REF!</definedName>
    <definedName name="NO.23_NO.37">#REF!</definedName>
    <definedName name="NO.37_NO.105">#REF!</definedName>
    <definedName name="NO.9_NO.23">#REF!</definedName>
    <definedName name="NV">'[35]代価表 '!$Z$2</definedName>
    <definedName name="O">[36]!ピクチャ5_Click</definedName>
    <definedName name="P">#REF!</definedName>
    <definedName name="Ｐ_11">#REF!</definedName>
    <definedName name="Ｐ_12">#REF!</definedName>
    <definedName name="Ｐ_13">#REF!</definedName>
    <definedName name="Ｐ_14">#REF!</definedName>
    <definedName name="Ｐ_15">#REF!</definedName>
    <definedName name="PAC費">#REF!</definedName>
    <definedName name="PBOX200">[25]ｹｰﾌﾞﾙ計!#REF!</definedName>
    <definedName name="PE管28">[25]ｹｰﾌﾞﾙ計!#REF!</definedName>
    <definedName name="PE管42">[25]ｹｰﾌﾞﾙ計!#REF!</definedName>
    <definedName name="PMI">#REF!</definedName>
    <definedName name="po">#REF!</definedName>
    <definedName name="PP">0.8</definedName>
    <definedName name="PR_KBN" localSheetId="0">#REF!</definedName>
    <definedName name="PR_KBN">#REF!</definedName>
    <definedName name="PR_MSG" localSheetId="0">#REF!</definedName>
    <definedName name="PR_MSG">#REF!</definedName>
    <definedName name="PRI">#REF!</definedName>
    <definedName name="PRINT">#REF!</definedName>
    <definedName name="_xlnm.Print_Area" localSheetId="1">工事費内訳書!$A$1:$I$84</definedName>
    <definedName name="_xlnm.Print_Area" localSheetId="0">'設計書表紙 '!$A$1:$AR$33</definedName>
    <definedName name="_xlnm.Print_Area" localSheetId="2">内訳書!$A$1:$I$81</definedName>
    <definedName name="_xlnm.Print_Area" localSheetId="4">'明細書（現場調査）'!$A$1:$K$17</definedName>
    <definedName name="_xlnm.Print_Area" localSheetId="3">'明細書（設計協議）'!$A$1:$K$17</definedName>
    <definedName name="_xlnm.Print_Area" localSheetId="5">'明細書（電気詳細設計）'!$A$1:$K$31</definedName>
    <definedName name="_xlnm.Print_Area">#REF!</definedName>
    <definedName name="PRINT_AREA_MI" localSheetId="0">[37]内訳書１!#REF!</definedName>
    <definedName name="PRINT_AREA_MI" localSheetId="4">[37]内訳書１!#REF!</definedName>
    <definedName name="PRINT_AREA_MI" localSheetId="3">[37]内訳書１!#REF!</definedName>
    <definedName name="PRINT_AREA_MI" localSheetId="5">[37]内訳書１!#REF!</definedName>
    <definedName name="PRINT_AREA_MI">[38]内訳書１!#REF!</definedName>
    <definedName name="Print_Area１">#REF!</definedName>
    <definedName name="Print_Area２">[39]消火栓材料表!#REF!</definedName>
    <definedName name="Print_Area3">#REF!</definedName>
    <definedName name="Print_Area4">#REF!</definedName>
    <definedName name="Print_Area5">#REF!</definedName>
    <definedName name="_xlnm.Print_Titles">#REF!</definedName>
    <definedName name="PRINT_TITLES_MI">#REF!</definedName>
    <definedName name="prn" localSheetId="0">#REF!</definedName>
    <definedName name="prn">#REF!</definedName>
    <definedName name="PT_11">#REF!</definedName>
    <definedName name="PT_12">#REF!</definedName>
    <definedName name="PT_13">#REF!</definedName>
    <definedName name="PT_14">#REF!</definedName>
    <definedName name="PT_15">#REF!</definedName>
    <definedName name="PT_16">#REF!</definedName>
    <definedName name="Q">#REF!</definedName>
    <definedName name="QD">#REF!</definedName>
    <definedName name="QH">#REF!</definedName>
    <definedName name="ｑｑ">'[23]３ページ'!$L$17</definedName>
    <definedName name="ｑｑｑｑｑ">[40]!Dialog3_ボタン2_Click</definedName>
    <definedName name="ｑｔ">'[41]２ページ'!#REF!</definedName>
    <definedName name="ｑｗ" hidden="1">{"設定1",#N/A,FALSE,"第5号-1";"設定2",#N/A,FALSE,"第5号-1"}</definedName>
    <definedName name="qwe" localSheetId="0">'設計書表紙 '!qwe</definedName>
    <definedName name="qwe" localSheetId="2">内訳書!qwe</definedName>
    <definedName name="qwe" localSheetId="4">'明細書（現場調査）'!qwe</definedName>
    <definedName name="qwe" localSheetId="3">'明細書（設計協議）'!qwe</definedName>
    <definedName name="qwe" localSheetId="5">'明細書（電気詳細設計）'!qwe</definedName>
    <definedName name="qwe">[0]!qwe</definedName>
    <definedName name="qwu" localSheetId="0" hidden="1">{"設定1",#N/A,FALSE,"第5号-1";"設定2",#N/A,FALSE,"第5号-1"}</definedName>
    <definedName name="qwu" localSheetId="2" hidden="1">{"設定1",#N/A,FALSE,"第5号-1";"設定2",#N/A,FALSE,"第5号-1"}</definedName>
    <definedName name="qwu" localSheetId="4" hidden="1">{"設定1",#N/A,FALSE,"第5号-1";"設定2",#N/A,FALSE,"第5号-1"}</definedName>
    <definedName name="qwu" localSheetId="3" hidden="1">{"設定1",#N/A,FALSE,"第5号-1";"設定2",#N/A,FALSE,"第5号-1"}</definedName>
    <definedName name="qwu" localSheetId="5" hidden="1">{"設定1",#N/A,FALSE,"第5号-1";"設定2",#N/A,FALSE,"第5号-1"}</definedName>
    <definedName name="qwu" hidden="1">{"設定1",#N/A,FALSE,"第5号-1";"設定2",#N/A,FALSE,"第5号-1"}</definedName>
    <definedName name="qwu_1" localSheetId="0" hidden="1">{"設定1",#N/A,FALSE,"第5号-1";"設定2",#N/A,FALSE,"第5号-1"}</definedName>
    <definedName name="qwu_1" hidden="1">{"設定1",#N/A,FALSE,"第5号-1";"設定2",#N/A,FALSE,"第5号-1"}</definedName>
    <definedName name="ｑｙ">'[41]２ページ'!#REF!</definedName>
    <definedName name="R_ガラス工">#REF!</definedName>
    <definedName name="R_サッシ工">#REF!</definedName>
    <definedName name="R_タイル工">#REF!</definedName>
    <definedName name="R_ダクト工">#REF!</definedName>
    <definedName name="R_とび工">#REF!</definedName>
    <definedName name="R_はつり工">#REF!</definedName>
    <definedName name="R_ブロック工">#REF!</definedName>
    <definedName name="R_運転手_一般_">#REF!</definedName>
    <definedName name="R_運転手_特殊_">#REF!</definedName>
    <definedName name="R_屋根ふき工">#REF!</definedName>
    <definedName name="R_型枠工">#REF!</definedName>
    <definedName name="R_軽作業員">#REF!</definedName>
    <definedName name="R_建具工">#REF!</definedName>
    <definedName name="R_建築ブロック">#REF!</definedName>
    <definedName name="R_工場派遣作業">#REF!</definedName>
    <definedName name="R_左官">#REF!</definedName>
    <definedName name="R_石工">#REF!</definedName>
    <definedName name="R_設備機械工">#REF!</definedName>
    <definedName name="R_造園工">#REF!</definedName>
    <definedName name="R_大工">#REF!</definedName>
    <definedName name="R_鉄筋工">#REF!</definedName>
    <definedName name="R_鉄骨工">#REF!</definedName>
    <definedName name="R_電工">#REF!</definedName>
    <definedName name="R_塗装工">#REF!</definedName>
    <definedName name="R_土木一般世話">#REF!</definedName>
    <definedName name="R_特殊作業員">#REF!</definedName>
    <definedName name="R_内装工">#REF!</definedName>
    <definedName name="R_配管工">#REF!</definedName>
    <definedName name="R_板金工">#REF!</definedName>
    <definedName name="R_普通作業員">#REF!</definedName>
    <definedName name="R_保温工">#REF!</definedName>
    <definedName name="R_法面工">#REF!</definedName>
    <definedName name="R_防水工">#REF!</definedName>
    <definedName name="R_溶接工">#REF!</definedName>
    <definedName name="RE">#REF!</definedName>
    <definedName name="Record1">[0]!Record1</definedName>
    <definedName name="Record12">[0]!Record12</definedName>
    <definedName name="Record2">[0]!Record2</definedName>
    <definedName name="RENP">#REF!</definedName>
    <definedName name="RF">#REF!</definedName>
    <definedName name="ro">'[3]拾・幹線(屋)'!$O$10</definedName>
    <definedName name="rr">[42]!Dialog3_ボタン2_Click</definedName>
    <definedName name="RS">#REF!</definedName>
    <definedName name="RUM">#REF!</definedName>
    <definedName name="RV">#REF!</definedName>
    <definedName name="s">#REF!</definedName>
    <definedName name="sa">'[41]３ページ'!#REF!</definedName>
    <definedName name="SAB">#REF!</definedName>
    <definedName name="SCV">#REF!</definedName>
    <definedName name="sk">'[23]３ページ'!#REF!</definedName>
    <definedName name="SKｿｹｯﾄφ20">#REF!</definedName>
    <definedName name="SKｿｹｯﾄφ40">#REF!</definedName>
    <definedName name="smif">[43]機器等据付工!#REF!</definedName>
    <definedName name="SONI">#REF!</definedName>
    <definedName name="SONO">#REF!</definedName>
    <definedName name="SPK">17940</definedName>
    <definedName name="SQRT">#REF!</definedName>
    <definedName name="ｓｒ">[15]土工!#REF!</definedName>
    <definedName name="SUB">#REF!</definedName>
    <definedName name="SUS屋内">#REF!</definedName>
    <definedName name="SUS据付">#REF!</definedName>
    <definedName name="ｔ" localSheetId="0">'設計書表紙 '!ｔ</definedName>
    <definedName name="ｔ" localSheetId="2">内訳書!ｔ</definedName>
    <definedName name="ｔ" localSheetId="4">'明細書（現場調査）'!ｔ</definedName>
    <definedName name="ｔ" localSheetId="3">'明細書（設計協議）'!ｔ</definedName>
    <definedName name="ｔ" localSheetId="5">'明細書（電気詳細設計）'!ｔ</definedName>
    <definedName name="ｔ">[0]!ｔ</definedName>
    <definedName name="TANKA">'[44]H15年度4月-企業庁・県建設部単価表'!$A$5:$H$490</definedName>
    <definedName name="TF">#REF!</definedName>
    <definedName name="to">'[3]拾・幹線(屋)'!$O$14</definedName>
    <definedName name="TORA">'[3]#REF'!$C$5:$S$38</definedName>
    <definedName name="TPAJI">#REF!</definedName>
    <definedName name="TS">16892</definedName>
    <definedName name="T区">#REF!</definedName>
    <definedName name="U" localSheetId="0">'設計書表紙 '!U</definedName>
    <definedName name="U" localSheetId="2">内訳書!U</definedName>
    <definedName name="U" localSheetId="4">'明細書（現場調査）'!U</definedName>
    <definedName name="U" localSheetId="3">'明細書（設計協議）'!U</definedName>
    <definedName name="U" localSheetId="5">'明細書（電気詳細設計）'!U</definedName>
    <definedName name="U">[0]!U</definedName>
    <definedName name="UG">#REF!</definedName>
    <definedName name="UHY">#REF!</definedName>
    <definedName name="Unnpan">[20]!Unnpan</definedName>
    <definedName name="V">#REF!</definedName>
    <definedName name="ｖｆ">'[23]３ページ'!#REF!</definedName>
    <definedName name="VNJ">#REF!</definedName>
    <definedName name="VP.VU据付">#REF!</definedName>
    <definedName name="VU屋内">#REF!</definedName>
    <definedName name="ｖｖ">[45]条件!$C$6</definedName>
    <definedName name="W">#REF!</definedName>
    <definedName name="WA">#REF!</definedName>
    <definedName name="WIR_D_34">#REF!</definedName>
    <definedName name="wrn.１７." hidden="1">{#N/A,#N/A,FALSE,"Sheet16";#N/A,#N/A,FALSE,"Sheet16"}</definedName>
    <definedName name="wrn.REP1." localSheetId="0" hidden="1">{"設定1",#N/A,FALSE,"第5号-1";"設定2",#N/A,FALSE,"第5号-1"}</definedName>
    <definedName name="wrn.REP1." localSheetId="2" hidden="1">{"設定1",#N/A,FALSE,"第5号-1";"設定2",#N/A,FALSE,"第5号-1"}</definedName>
    <definedName name="wrn.REP1." localSheetId="4" hidden="1">{"設定1",#N/A,FALSE,"第5号-1";"設定2",#N/A,FALSE,"第5号-1"}</definedName>
    <definedName name="wrn.REP1." localSheetId="3" hidden="1">{"設定1",#N/A,FALSE,"第5号-1";"設定2",#N/A,FALSE,"第5号-1"}</definedName>
    <definedName name="wrn.REP1." localSheetId="5" hidden="1">{"設定1",#N/A,FALSE,"第5号-1";"設定2",#N/A,FALSE,"第5号-1"}</definedName>
    <definedName name="wrn.REP1." hidden="1">{"設定1",#N/A,FALSE,"第5号-1";"設定2",#N/A,FALSE,"第5号-1"}</definedName>
    <definedName name="wrn.REP1._1" localSheetId="0" hidden="1">{"設定1",#N/A,FALSE,"第5号-1";"設定2",#N/A,FALSE,"第5号-1"}</definedName>
    <definedName name="wrn.REP1._1" hidden="1">{"設定1",#N/A,FALSE,"第5号-1";"設定2",#N/A,FALSE,"第5号-1"}</definedName>
    <definedName name="wrn.REP2" localSheetId="0" hidden="1">{"設定1",#N/A,FALSE,"第5号-1";"設定2",#N/A,FALSE,"第5号-1"}</definedName>
    <definedName name="wrn.REP2" localSheetId="2" hidden="1">{"設定1",#N/A,FALSE,"第5号-1";"設定2",#N/A,FALSE,"第5号-1"}</definedName>
    <definedName name="wrn.REP2" localSheetId="4" hidden="1">{"設定1",#N/A,FALSE,"第5号-1";"設定2",#N/A,FALSE,"第5号-1"}</definedName>
    <definedName name="wrn.REP2" localSheetId="3" hidden="1">{"設定1",#N/A,FALSE,"第5号-1";"設定2",#N/A,FALSE,"第5号-1"}</definedName>
    <definedName name="wrn.REP2" localSheetId="5" hidden="1">{"設定1",#N/A,FALSE,"第5号-1";"設定2",#N/A,FALSE,"第5号-1"}</definedName>
    <definedName name="wrn.REP2" hidden="1">{"設定1",#N/A,FALSE,"第5号-1";"設定2",#N/A,FALSE,"第5号-1"}</definedName>
    <definedName name="wrn.REP2_1" localSheetId="0" hidden="1">{"設定1",#N/A,FALSE,"第5号-1";"設定2",#N/A,FALSE,"第5号-1"}</definedName>
    <definedName name="wrn.REP2_1" hidden="1">{"設定1",#N/A,FALSE,"第5号-1";"設定2",#N/A,FALSE,"第5号-1"}</definedName>
    <definedName name="wrn.レポート." hidden="1">{#N/A,#N/A,FALSE,"内訳"}</definedName>
    <definedName name="wrn.機械代価表１０１から." hidden="1">{#N/A,#N/A,FALSE,"AM-101";#N/A,#N/A,FALSE,"AM-102";#N/A,#N/A,FALSE,"AM-103";#N/A,#N/A,FALSE,"AM-104";#N/A,#N/A,FALSE,"AM-105";#N/A,#N/A,FALSE,"AM-106";#N/A,#N/A,FALSE,"AM-107";#N/A,#N/A,FALSE,"AM-108";#N/A,#N/A,FALSE,"AM-109";#N/A,#N/A,FALSE,"AM-110";#N/A,#N/A,FALSE,"AM-111";#N/A,#N/A,FALSE,"AM-112";#N/A,#N/A,FALSE,"AM-113"}</definedName>
    <definedName name="wrn.機械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出張所改築工事."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上清水開削４." localSheetId="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代価表１０１から." hidden="1">{#N/A,#N/A,FALSE,"AM-101";#N/A,#N/A,FALSE,"AM-102";#N/A,#N/A,FALSE,"AM-103";#N/A,#N/A,FALSE,"AM-104";#N/A,#N/A,FALSE,"AM-105";#N/A,#N/A,FALSE,"AM-106";#N/A,#N/A,FALSE,"AM-107";#N/A,#N/A,FALSE,"AM-108";#N/A,#N/A,FALSE,"AM-109";#N/A,#N/A,FALSE,"AM-110";#N/A,#N/A,FALSE,"AM-111";#N/A,#N/A,FALSE,"AM-112";#N/A,#N/A,FALSE,"AM-113"}</definedName>
    <definedName name="wrn.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内訳書." hidden="1">{#N/A,#N/A,FALSE,"表紙";#N/A,#N/A,FALSE,"内訳表";#N/A,#N/A,FALSE,"経費計算書"}</definedName>
    <definedName name="wrn.内訳書建築機械." hidden="1">{#N/A,#N/A,FALSE,"表紙";#N/A,#N/A,FALSE,"内訳表";#N/A,#N/A,FALSE,"内訳表 (2)";#N/A,#N/A,FALSE,"経費計算書"}</definedName>
    <definedName name="wrn.明細書建築機械."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電気."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ｗｓ">[46]Code!#REF!</definedName>
    <definedName name="ｗｗ">'[41]３ページ'!#REF!</definedName>
    <definedName name="X">#REF!</definedName>
    <definedName name="XC">#REF!</definedName>
    <definedName name="XMIN">#REF!</definedName>
    <definedName name="ｘｘ">[22]条件!$C$11</definedName>
    <definedName name="Y" localSheetId="0">'設計書表紙 '!Y</definedName>
    <definedName name="Y" localSheetId="2">内訳書!Y</definedName>
    <definedName name="Y" localSheetId="4">'明細書（現場調査）'!Y</definedName>
    <definedName name="Y" localSheetId="3">'明細書（設計協議）'!Y</definedName>
    <definedName name="Y" localSheetId="5">'明細書（電気詳細設計）'!Y</definedName>
    <definedName name="Y">[0]!Y</definedName>
    <definedName name="Yusou">[20]!Yusou</definedName>
    <definedName name="YusouHyouji">[20]!YusouHyouji</definedName>
    <definedName name="ｙｙ">[24]表紙!#REF!</definedName>
    <definedName name="ｙｙｙ">#REF!</definedName>
    <definedName name="Z">#REF!</definedName>
    <definedName name="ZAI">#REF!</definedName>
    <definedName name="ZAT1">#REF!</definedName>
    <definedName name="zat2">#REF!</definedName>
    <definedName name="ZAT3">#REF!</definedName>
    <definedName name="ZX">[47]!ピクチャ5_Click</definedName>
    <definedName name="Z一般管理費">#REF!</definedName>
    <definedName name="Z一般管理費1">#REF!</definedName>
    <definedName name="Z一般管理費2">#REF!</definedName>
    <definedName name="Z一般管理費3">#REF!</definedName>
    <definedName name="Z一般労務費">#REF!</definedName>
    <definedName name="Z一般労務費1">#REF!</definedName>
    <definedName name="Z一般労務費2">#REF!</definedName>
    <definedName name="Z一般労務費3">#REF!</definedName>
    <definedName name="Z間接工事費">#REF!</definedName>
    <definedName name="Z間接工事費1">#REF!</definedName>
    <definedName name="Z間接工事費2">#REF!</definedName>
    <definedName name="Z間接工事費3">#REF!</definedName>
    <definedName name="Z機械経費">#REF!</definedName>
    <definedName name="Z機械経費1">#REF!</definedName>
    <definedName name="Z機械経費2">#REF!</definedName>
    <definedName name="Z機械経費3">#REF!</definedName>
    <definedName name="Z機器費">#REF!</definedName>
    <definedName name="Z機器費1">#REF!</definedName>
    <definedName name="Z機器費2">#REF!</definedName>
    <definedName name="Z機器費3">#REF!</definedName>
    <definedName name="Z技術費">#REF!</definedName>
    <definedName name="Z技術費1">#REF!</definedName>
    <definedName name="Z技術費2">#REF!</definedName>
    <definedName name="Z技術費3">#REF!</definedName>
    <definedName name="Z共通仮設費">#REF!</definedName>
    <definedName name="Z共通仮設費1">#REF!</definedName>
    <definedName name="Z共通仮設費2">#REF!</definedName>
    <definedName name="Z共通仮設費3">#REF!</definedName>
    <definedName name="Z現場間接費">#REF!</definedName>
    <definedName name="Z現場間接費1">#REF!</definedName>
    <definedName name="Z現場間接費2">#REF!</definedName>
    <definedName name="Z現場間接費3">#REF!</definedName>
    <definedName name="Z工事価格">#REF!</definedName>
    <definedName name="Z工事価格1">#REF!</definedName>
    <definedName name="Z工事価格2">#REF!</definedName>
    <definedName name="Z工事価格3">#REF!</definedName>
    <definedName name="Z工事原価">#REF!</definedName>
    <definedName name="Z工事原価1">#REF!</definedName>
    <definedName name="Z工事原価2">#REF!</definedName>
    <definedName name="Z工事原価3">#REF!</definedName>
    <definedName name="Z工派計">#REF!</definedName>
    <definedName name="Z工派計1">#REF!</definedName>
    <definedName name="Z工派計2">#REF!</definedName>
    <definedName name="Z工派計3">#REF!</definedName>
    <definedName name="Z工派試験">#REF!</definedName>
    <definedName name="Z工派試験1">#REF!</definedName>
    <definedName name="Z工派試験2">#REF!</definedName>
    <definedName name="Z工派試験3">#REF!</definedName>
    <definedName name="Z工派据付">#REF!</definedName>
    <definedName name="Z工派据付1">#REF!</definedName>
    <definedName name="Z工派据付2">#REF!</definedName>
    <definedName name="Z工派据付3">#REF!</definedName>
    <definedName name="Z材料費">#REF!</definedName>
    <definedName name="Z材料費1">#REF!</definedName>
    <definedName name="Z材料費2">#REF!</definedName>
    <definedName name="Z材料費3">#REF!</definedName>
    <definedName name="Z試運転費">#REF!</definedName>
    <definedName name="Z試運転費1">#REF!</definedName>
    <definedName name="Z試運転費2">#REF!</definedName>
    <definedName name="Z試運転費3">#REF!</definedName>
    <definedName name="Z純工事">#REF!</definedName>
    <definedName name="Z純工事1">#REF!</definedName>
    <definedName name="Z純工事2">#REF!</definedName>
    <definedName name="Z純工事3">#REF!</definedName>
    <definedName name="Z水道光熱">#REF!</definedName>
    <definedName name="Z水道光熱1">#REF!</definedName>
    <definedName name="Z水道光熱2">#REF!</definedName>
    <definedName name="Z水道光熱3">#REF!</definedName>
    <definedName name="Z据付間接費">#REF!</definedName>
    <definedName name="Z据付間接費1">#REF!</definedName>
    <definedName name="Z据付間接費2">#REF!</definedName>
    <definedName name="Z据付間接費3">#REF!</definedName>
    <definedName name="Z据付工間接">#REF!</definedName>
    <definedName name="Z据付工間接1">#REF!</definedName>
    <definedName name="Z据付工間接2">#REF!</definedName>
    <definedName name="Z据付工間接3">#REF!</definedName>
    <definedName name="Z据付費">#REF!</definedName>
    <definedName name="Z据付費1">#REF!</definedName>
    <definedName name="Z据付費2">#REF!</definedName>
    <definedName name="Z据付費3">#REF!</definedName>
    <definedName name="Z組合せ試験">#REF!</definedName>
    <definedName name="Z組合せ試験1">#REF!</definedName>
    <definedName name="Z組合せ試験2">#REF!</definedName>
    <definedName name="Z組合せ試験3">#REF!</definedName>
    <definedName name="Z総合試運転">#REF!</definedName>
    <definedName name="Z総合試運転1">#REF!</definedName>
    <definedName name="Z総合試運転2">#REF!</definedName>
    <definedName name="Z総合試運転3">#REF!</definedName>
    <definedName name="Z直工">#REF!</definedName>
    <definedName name="Z直工1">#REF!</definedName>
    <definedName name="Z直工2">#REF!</definedName>
    <definedName name="Z直工3">#REF!</definedName>
    <definedName name="Z直接経費">#REF!</definedName>
    <definedName name="Z直接経費1">#REF!</definedName>
    <definedName name="Z直接経費2">#REF!</definedName>
    <definedName name="Z直接経費3">#REF!</definedName>
    <definedName name="Z直接材料費">#REF!</definedName>
    <definedName name="Z直接材料費1">#REF!</definedName>
    <definedName name="Z直接材料費2">#REF!</definedName>
    <definedName name="Z直接材料費3">#REF!</definedName>
    <definedName name="Z直接労務費">#REF!</definedName>
    <definedName name="Z直接労務費1">#REF!</definedName>
    <definedName name="Z直接労務費2">#REF!</definedName>
    <definedName name="Z直接労務費3">#REF!</definedName>
    <definedName name="Z特許使用料">#REF!</definedName>
    <definedName name="Z特許使用料1">#REF!</definedName>
    <definedName name="Z特許使用料2">#REF!</definedName>
    <definedName name="Z特許使用料3">#REF!</definedName>
    <definedName name="Z複合工費">#REF!</definedName>
    <definedName name="Z複合工費1">#REF!</definedName>
    <definedName name="Z複合工費2">#REF!</definedName>
    <definedName name="Z複合工費3">#REF!</definedName>
    <definedName name="Z補助材料費">#REF!</definedName>
    <definedName name="Z補助材料費1">#REF!</definedName>
    <definedName name="Z補助材料費2">#REF!</definedName>
    <definedName name="Z補助材料費3">#REF!</definedName>
    <definedName name="Z輸送費">#REF!</definedName>
    <definedName name="Z輸送費1">#REF!</definedName>
    <definedName name="Z輸送費2">#REF!</definedName>
    <definedName name="Z輸送費3">#REF!</definedName>
    <definedName name="φ50本設配管">[48]!φ50本設配管</definedName>
    <definedName name="ア">[49]表紙!#REF!</definedName>
    <definedName name="あ" localSheetId="0">'設計書表紙 '!あ</definedName>
    <definedName name="あ" localSheetId="2">内訳書!あ</definedName>
    <definedName name="あ" localSheetId="4">'明細書（現場調査）'!あ</definedName>
    <definedName name="あ" localSheetId="3">'明細書（設計協議）'!あ</definedName>
    <definedName name="あ" localSheetId="5">'明細書（電気詳細設計）'!あ</definedName>
    <definedName name="あ">[0]!あ</definedName>
    <definedName name="あ1">#REF!</definedName>
    <definedName name="ああ">'[23]３ページ'!#REF!</definedName>
    <definedName name="あああ" localSheetId="0">'設計書表紙 '!あああ</definedName>
    <definedName name="あああ" localSheetId="2">内訳書!あああ</definedName>
    <definedName name="あああ" localSheetId="4">'明細書（現場調査）'!あああ</definedName>
    <definedName name="あああ" localSheetId="3">'明細書（設計協議）'!あああ</definedName>
    <definedName name="あああ" localSheetId="5">'明細書（電気詳細設計）'!あああ</definedName>
    <definedName name="あああ">[0]!あああ</definedName>
    <definedName name="ああああ">#REF!</definedName>
    <definedName name="あああああ" hidden="1">#REF!</definedName>
    <definedName name="ああああああ">[49]表紙!#REF!</definedName>
    <definedName name="あい" localSheetId="0">'設計書表紙 '!あい</definedName>
    <definedName name="あい" localSheetId="2">内訳書!あい</definedName>
    <definedName name="あい" localSheetId="4">'明細書（現場調査）'!あい</definedName>
    <definedName name="あい" localSheetId="3">'明細書（設計協議）'!あい</definedName>
    <definedName name="あい" localSheetId="5">'明細書（電気詳細設計）'!あい</definedName>
    <definedName name="あい">[0]!あい</definedName>
    <definedName name="ｱｽﾌｧﾙﾄ乳剤PK3" localSheetId="0">#REF!</definedName>
    <definedName name="ｱｽﾌｧﾙﾄ乳剤PK3">#REF!</definedName>
    <definedName name="ｱｾﾁﾚﾝ" localSheetId="0">#REF!</definedName>
    <definedName name="ｱｾﾁﾚﾝ">#REF!</definedName>
    <definedName name="い" localSheetId="0">'設計書表紙 '!い</definedName>
    <definedName name="い" localSheetId="2">内訳書!い</definedName>
    <definedName name="い" localSheetId="4">'明細書（現場調査）'!い</definedName>
    <definedName name="い" localSheetId="3">'明細書（設計協議）'!い</definedName>
    <definedName name="い" localSheetId="5">'明細書（電気詳細設計）'!い</definedName>
    <definedName name="い">[0]!い</definedName>
    <definedName name="いい">'[23]３ページ'!$L$9</definedName>
    <definedName name="いいいい">[20]!Anzen</definedName>
    <definedName name="いらない列1">#REF!</definedName>
    <definedName name="いらない列2">#REF!</definedName>
    <definedName name="う">[0]!う</definedName>
    <definedName name="うう">'[23]２ページ'!$I$36</definedName>
    <definedName name="ううう">#REF!</definedName>
    <definedName name="うううう">#REF!</definedName>
    <definedName name="うぇ" localSheetId="0">'設計書表紙 '!うぇ</definedName>
    <definedName name="うぇ" localSheetId="2">内訳書!うぇ</definedName>
    <definedName name="うぇ" localSheetId="4">'明細書（現場調査）'!うぇ</definedName>
    <definedName name="うぇ" localSheetId="3">'明細書（設計協議）'!うぇ</definedName>
    <definedName name="うぇ" localSheetId="5">'明細書（電気詳細設計）'!うぇ</definedName>
    <definedName name="うぇ">[0]!うぇ</definedName>
    <definedName name="え">[50]!Dialog3_ボタン2_Click</definedName>
    <definedName name="ええ">'[23]３ページ'!$G$16</definedName>
    <definedName name="えええ" localSheetId="0" hidden="1">#REF!</definedName>
    <definedName name="えええ" hidden="1">#REF!</definedName>
    <definedName name="ｴﾙﾎﾞφ20">#REF!</definedName>
    <definedName name="ｴﾙﾎﾞφ25">#REF!</definedName>
    <definedName name="ｴﾙﾎﾞφ40">#REF!</definedName>
    <definedName name="お" localSheetId="0">'設計書表紙 '!お</definedName>
    <definedName name="お" localSheetId="2">内訳書!お</definedName>
    <definedName name="お" localSheetId="4">'明細書（現場調査）'!お</definedName>
    <definedName name="お" localSheetId="3">'明細書（設計協議）'!お</definedName>
    <definedName name="お" localSheetId="5">'明細書（電気詳細設計）'!お</definedName>
    <definedName name="お">[0]!お</definedName>
    <definedName name="おお">'[23]１ページ'!$J$58</definedName>
    <definedName name="ガス">#REF!</definedName>
    <definedName name="ｶﾞｽPS">#REF!</definedName>
    <definedName name="ガス給湯器">[3]歩・屋!$W$10</definedName>
    <definedName name="ｶﾞｿﾘﾝ" localSheetId="0">#REF!</definedName>
    <definedName name="ガソリン" localSheetId="4">#REF!</definedName>
    <definedName name="ガソリン" localSheetId="3">#REF!</definedName>
    <definedName name="ガソリン" localSheetId="5">#REF!</definedName>
    <definedName name="ｶﾞｿﾘﾝ">#REF!</definedName>
    <definedName name="ｶｯﾀｰﾌﾞﾚｰﾄﾞ30" localSheetId="0">#REF!</definedName>
    <definedName name="ｶｯﾀｰﾌﾞﾚｰﾄﾞ30">#REF!</definedName>
    <definedName name="ｶｯﾀｰﾌﾞﾚｰﾄﾞ40" localSheetId="0">#REF!</definedName>
    <definedName name="ｶｯﾀｰﾌﾞﾚｰﾄﾞ40">#REF!</definedName>
    <definedName name="ｶｯﾀｰﾌﾞﾚｰﾄﾞ55" localSheetId="0">#REF!</definedName>
    <definedName name="ｶｯﾀｰﾌﾞﾚｰﾄﾞ55">#REF!</definedName>
    <definedName name="ｶｯﾀｰﾌﾞﾚｰﾄﾞ60" localSheetId="0">#REF!</definedName>
    <definedName name="ｶｯﾀｰﾌﾞﾚｰﾄﾞ60">#REF!</definedName>
    <definedName name="ｶｯﾀｰ運転30㎝" localSheetId="0">#REF!</definedName>
    <definedName name="ｶｯﾀｰ運転30㎝">#REF!</definedName>
    <definedName name="ｶｯﾀｰ運転40㎝" localSheetId="0">#REF!</definedName>
    <definedName name="ｶｯﾀｰ運転40㎝">#REF!</definedName>
    <definedName name="ｶﾞﾗｽ工">#REF!</definedName>
    <definedName name="ガラス工２">[51]府県別労務!$C$50</definedName>
    <definedName name="き" localSheetId="0">'設計書表紙 '!き</definedName>
    <definedName name="き">[0]!き</definedName>
    <definedName name="く">'[41]３ページ'!#REF!</definedName>
    <definedName name="くうちょう">#REF!</definedName>
    <definedName name="くぇ" localSheetId="0">'設計書表紙 '!くぇ</definedName>
    <definedName name="くぇ" localSheetId="2">内訳書!くぇ</definedName>
    <definedName name="くぇ" localSheetId="4">'明細書（現場調査）'!くぇ</definedName>
    <definedName name="くぇ" localSheetId="3">'明細書（設計協議）'!くぇ</definedName>
    <definedName name="くぇ" localSheetId="5">'明細書（電気詳細設計）'!くぇ</definedName>
    <definedName name="くぇ">[0]!くぇ</definedName>
    <definedName name="グランド照明">[27]内訳書!#REF!</definedName>
    <definedName name="ｸﾚｰﾝ付ﾄﾗｯｸ運転2.9t" localSheetId="0">#REF!</definedName>
    <definedName name="ｸﾚｰﾝ付ﾄﾗｯｸ運転2.9t">#REF!</definedName>
    <definedName name="ｸﾛｽ集計範囲">#REF!</definedName>
    <definedName name="ケーブル電線類" localSheetId="0">#REF!</definedName>
    <definedName name="ケーブル電線類">#REF!</definedName>
    <definedName name="ｺｰﾄﾞ">'[44]H15年度4月-企業庁・県建設部単価表'!$A$5:$A$490</definedName>
    <definedName name="ｺﾝｸﾘｰﾄ混和剤" localSheetId="0">#REF!</definedName>
    <definedName name="ｺﾝｸﾘｰﾄ混和剤">#REF!</definedName>
    <definedName name="ｺﾝﾏ小数点">#REF!</definedName>
    <definedName name="さ">[52]!ピクチャ5_Click</definedName>
    <definedName name="さく岩工">#REF!</definedName>
    <definedName name="ささＳ">#REF!</definedName>
    <definedName name="さし" localSheetId="0">'設計書表紙 '!さし</definedName>
    <definedName name="さし" localSheetId="2">内訳書!さし</definedName>
    <definedName name="さし" localSheetId="4">'明細書（現場調査）'!さし</definedName>
    <definedName name="さし" localSheetId="3">'明細書（設計協議）'!さし</definedName>
    <definedName name="さし" localSheetId="5">'明細書（電気詳細設計）'!さし</definedName>
    <definedName name="さし">[0]!さし</definedName>
    <definedName name="サッシ工">#REF!</definedName>
    <definedName name="ｻﾄﾞﾙ分水栓φ150×φ20">#REF!</definedName>
    <definedName name="ｻﾄﾞﾙ分水栓φ150×φ25">#REF!</definedName>
    <definedName name="ｻﾄﾞﾙ分水栓φ150×φ40">#REF!</definedName>
    <definedName name="ｻﾄﾞﾙ分水栓φ75×φ20">#REF!</definedName>
    <definedName name="ｻﾝﾀﾞｰｽﾄｰﾝ" localSheetId="0">#REF!</definedName>
    <definedName name="ｻﾝﾀﾞｰｽﾄｰﾝ">#REF!</definedName>
    <definedName name="じょ">'[3]#REF'!$U$1:$AK$2</definedName>
    <definedName name="ｽﾞｰﾑ">[6]仮設躯体!$A$2:$I$21</definedName>
    <definedName name="スコアボード比較">#REF!</definedName>
    <definedName name="スタイル" localSheetId="0">#REF!</definedName>
    <definedName name="スタイル">#REF!</definedName>
    <definedName name="スタンション">[53]!Dialog3_ボタン2_Click</definedName>
    <definedName name="すてん溶接工" localSheetId="0">#REF!</definedName>
    <definedName name="すてん溶接工">#REF!</definedName>
    <definedName name="ｿｹｯﾄφ20">#REF!</definedName>
    <definedName name="ｿｹｯﾄφ25">#REF!</definedName>
    <definedName name="ｿｹｯﾄφ25×φ20">#REF!</definedName>
    <definedName name="ｿｹｯﾄφ40">#REF!</definedName>
    <definedName name="その他">#REF!</definedName>
    <definedName name="その他器具" localSheetId="0">#REF!</definedName>
    <definedName name="その他器具">#REF!</definedName>
    <definedName name="た" localSheetId="0">'設計書表紙 '!た</definedName>
    <definedName name="た" localSheetId="2">内訳書!た</definedName>
    <definedName name="た" localSheetId="4">'明細書（現場調査）'!た</definedName>
    <definedName name="た" localSheetId="3">'明細書（設計協議）'!た</definedName>
    <definedName name="た" localSheetId="5">'明細書（電気詳細設計）'!た</definedName>
    <definedName name="た">[0]!た</definedName>
    <definedName name="だいＫ">[54]表紙!#REF!</definedName>
    <definedName name="ﾀｲﾄﾙ行" localSheetId="0">#REF!</definedName>
    <definedName name="ﾀｲﾄﾙ行" localSheetId="4">#REF!</definedName>
    <definedName name="ﾀｲﾄﾙ行" localSheetId="3">#REF!</definedName>
    <definedName name="ﾀｲﾄﾙ行" localSheetId="5">#REF!</definedName>
    <definedName name="ﾀｲﾄﾙ行">#REF!</definedName>
    <definedName name="タイル" hidden="1">{"設定1",#N/A,FALSE,"第5号-1";"設定2",#N/A,FALSE,"第5号-1"}</definedName>
    <definedName name="タイル１" hidden="1">{"設定1",#N/A,FALSE,"第5号-1";"設定2",#N/A,FALSE,"第5号-1"}</definedName>
    <definedName name="タイル工">#REF!</definedName>
    <definedName name="たか">#REF!</definedName>
    <definedName name="ダク">[55]明細!#REF!</definedName>
    <definedName name="ダクタイル鋳鉄管">#REF!</definedName>
    <definedName name="ダクト">[55]明細!#REF!</definedName>
    <definedName name="ダクト工">#REF!</definedName>
    <definedName name="ﾀﾝﾊﾟｰ運転舗装用" localSheetId="0">#REF!</definedName>
    <definedName name="ﾀﾝﾊﾟｰ運転舗装用">#REF!</definedName>
    <definedName name="ﾀﾝﾊﾟｰ運転埋戻用" localSheetId="0">#REF!</definedName>
    <definedName name="ﾀﾝﾊﾟｰ運転埋戻用">#REF!</definedName>
    <definedName name="ﾀﾝﾊﾟｰ運転路盤用" localSheetId="0">#REF!</definedName>
    <definedName name="ﾀﾝﾊﾟｰ運転路盤用">#REF!</definedName>
    <definedName name="ﾀﾞﾝﾌﾟﾄﾗｯｸ11t車" localSheetId="0">#REF!</definedName>
    <definedName name="ﾀﾞﾝﾌﾟﾄﾗｯｸ11t車">#REF!</definedName>
    <definedName name="ﾀﾞﾝﾌﾟﾄﾗｯｸ4t車" localSheetId="0">#REF!</definedName>
    <definedName name="ﾀﾞﾝﾌﾟﾄﾗｯｸ4t車">#REF!</definedName>
    <definedName name="ﾁｰｽﾞφ25×φ20">#REF!</definedName>
    <definedName name="ﾁｰｽﾞφ40×φ20">#REF!</definedName>
    <definedName name="っｄ">'[23]１ページ'!$F$8</definedName>
    <definedName name="っｆ">'[23]容計（ﾕﾆｯﾄ）'!$F$33</definedName>
    <definedName name="っｇ">'[23]３ページ'!#REF!</definedName>
    <definedName name="っｈ">'[23]１ページ'!$F$11</definedName>
    <definedName name="っｊ">'[23]３ページ'!#REF!</definedName>
    <definedName name="っｋ">'[23]１ページ'!$F$9</definedName>
    <definedName name="っｌ">'[23]３ページ'!$S$68</definedName>
    <definedName name="っｐ">'[23]３ページ'!$S$56</definedName>
    <definedName name="っｒ">'[23]３ページ'!$G$16</definedName>
    <definedName name="っｓ">'[23]１ページ'!$F$10</definedName>
    <definedName name="っｔ">'[23]３ページ'!$S$54</definedName>
    <definedName name="っｗ">'[23]３ページ'!$G$16</definedName>
    <definedName name="っｙ">'[23]２ページ'!$I$36</definedName>
    <definedName name="データ">#REF!</definedName>
    <definedName name="データ2">#REF!</definedName>
    <definedName name="データー">#REF!</definedName>
    <definedName name="テスト" localSheetId="0">'設計書表紙 '!テスト</definedName>
    <definedName name="テスト">[0]!テスト</definedName>
    <definedName name="テスト１" localSheetId="0">'設計書表紙 '!テスト１</definedName>
    <definedName name="テスト１">[0]!テスト１</definedName>
    <definedName name="てすと１" localSheetId="0">'設計書表紙 '!てすと１</definedName>
    <definedName name="てすと１">[0]!てすと１</definedName>
    <definedName name="テスト２" localSheetId="0">'設計書表紙 '!テスト２</definedName>
    <definedName name="テスト２">[0]!テスト２</definedName>
    <definedName name="てすと２" localSheetId="0">'設計書表紙 '!てすと２</definedName>
    <definedName name="てすと２">[0]!てすと２</definedName>
    <definedName name="テスト３" localSheetId="0">'設計書表紙 '!テスト３</definedName>
    <definedName name="テスト３">[0]!テスト３</definedName>
    <definedName name="てすと３" localSheetId="0">'設計書表紙 '!てすと３</definedName>
    <definedName name="てすと３">[0]!てすと３</definedName>
    <definedName name="テスト４" localSheetId="0">'設計書表紙 '!テスト４</definedName>
    <definedName name="テスト４">[0]!テスト４</definedName>
    <definedName name="てすと８" localSheetId="0">'設計書表紙 '!てすと８</definedName>
    <definedName name="てすと８">[0]!てすと８</definedName>
    <definedName name="てなにん">[56]!Dialog3_ボタン2_Click</definedName>
    <definedName name="テレビ" localSheetId="0">'設計書表紙 '!テレビ</definedName>
    <definedName name="テレビ">[0]!テレビ</definedName>
    <definedName name="とび工" localSheetId="0">#REF!</definedName>
    <definedName name="とび工">#REF!</definedName>
    <definedName name="ﾄﾗｯｸ">'[3]#REF'!$K$1</definedName>
    <definedName name="ﾄﾗｯｸｸﾚｰﾝ運転4.8_4.9t" localSheetId="0">#REF!</definedName>
    <definedName name="ﾄﾗｯｸｸﾚｰﾝ運転4.8_4.9t">#REF!</definedName>
    <definedName name="ﾄﾗｯｸｸﾚｰﾝ賃料4.9t" localSheetId="0">#REF!</definedName>
    <definedName name="ﾄﾗｯｸｸﾚｰﾝ賃料4.9t">#REF!</definedName>
    <definedName name="ﾄﾗｯｸ運転2t" localSheetId="0">#REF!</definedName>
    <definedName name="ﾄﾗｯｸ運転2t">#REF!</definedName>
    <definedName name="ﾄﾗｯｸ運転3_3.5t" localSheetId="0">#REF!</definedName>
    <definedName name="ﾄﾗｯｸ運転3_3.5t">#REF!</definedName>
    <definedName name="トンネル作業員">#REF!</definedName>
    <definedName name="トンネル世話役">#REF!</definedName>
    <definedName name="トンネル特殊工">#REF!</definedName>
    <definedName name="パターン1">#REF!</definedName>
    <definedName name="ﾊﾞｯｸﾎｳ0.1・" localSheetId="0">#REF!</definedName>
    <definedName name="ﾊﾞｯｸﾎｳ0.1・">#REF!</definedName>
    <definedName name="ﾊﾞｯｸﾎｳ0.2" localSheetId="0">#REF!</definedName>
    <definedName name="ﾊﾞｯｸﾎｳ0.2">#REF!</definedName>
    <definedName name="ﾊﾞｯｸﾎｳ0.35" localSheetId="0">#REF!</definedName>
    <definedName name="ﾊﾞｯｸﾎｳ0.35">#REF!</definedName>
    <definedName name="ハツリ">#REF!</definedName>
    <definedName name="はつり工" localSheetId="0">#REF!</definedName>
    <definedName name="はつり工">#REF!</definedName>
    <definedName name="バルブ">#REF!</definedName>
    <definedName name="ﾊﾝﾄﾞﾎｰﾙ１">[3]愛駿寮公共下水道接続工事!#REF!</definedName>
    <definedName name="ﾊﾝﾄﾞﾎｰﾙ２">#REF!</definedName>
    <definedName name="ﾊﾝﾄﾞﾎｰﾙ築造ｱｽﾌｧﾙﾄ有り直堀">[57]!Dialog3_ボタン2_Click</definedName>
    <definedName name="ピクチャ5_Click">[32]!ピクチャ5_Click</definedName>
    <definedName name="ﾋﾟｯﾄ築造">[57]!Dialog3_ボタン2_Click</definedName>
    <definedName name="ふ">#REF!</definedName>
    <definedName name="プリカ50">[25]ｹｰﾌﾞﾙ計!#REF!</definedName>
    <definedName name="フロック" hidden="1">{"設定1",#N/A,FALSE,"第5号-1";"設定2",#N/A,FALSE,"第5号-1"}</definedName>
    <definedName name="フロック形成池" hidden="1">{"設定1",#N/A,FALSE,"第5号-1";"設定2",#N/A,FALSE,"第5号-1"}</definedName>
    <definedName name="ブロック工">#REF!</definedName>
    <definedName name="ページ１">#REF!</definedName>
    <definedName name="ページ２">#REF!</definedName>
    <definedName name="ページ３">#REF!</definedName>
    <definedName name="ページ４">#REF!</definedName>
    <definedName name="ページ５">#REF!</definedName>
    <definedName name="ページ６">#REF!</definedName>
    <definedName name="ポンプ">[3]歩・屋!$W$5</definedName>
    <definedName name="ポンプB">[3]歩・屋!$W$5</definedName>
    <definedName name="ﾒｰｶｰﾘｽﾄ">[58]見積･重量!#REF!</definedName>
    <definedName name="ﾒｰﾀｰφ13">#REF!</definedName>
    <definedName name="ﾒｰﾀｰφ16">#REF!</definedName>
    <definedName name="ﾒｰﾀｰφ20">#REF!</definedName>
    <definedName name="ﾒｰﾀｰφ25">#REF!</definedName>
    <definedName name="ﾒｰﾀｰφ40">#REF!</definedName>
    <definedName name="ﾒｽｱﾀﾞﾌﾟﾀｰφ20">#REF!</definedName>
    <definedName name="ﾒｽｱﾀﾞﾌﾟﾀｰφ25">#REF!</definedName>
    <definedName name="ﾒｽｱﾀﾞﾌﾟﾀｰφ40">#REF!</definedName>
    <definedName name="ﾒﾆｭｰ">#REF!</definedName>
    <definedName name="モジュール数">[59]条件!$C$11</definedName>
    <definedName name="モジュール単価">#REF!</definedName>
    <definedName name="モタ">#REF!</definedName>
    <definedName name="モルタ">#REF!</definedName>
    <definedName name="モルタル">#REF!</definedName>
    <definedName name="モルタル１２">#REF!</definedName>
    <definedName name="ユニット数">#REF!</definedName>
    <definedName name="ら" localSheetId="0">'設計書表紙 '!ら</definedName>
    <definedName name="ら" localSheetId="2">内訳書!ら</definedName>
    <definedName name="ら" localSheetId="4">'明細書（現場調査）'!ら</definedName>
    <definedName name="ら" localSheetId="3">'明細書（設計協議）'!ら</definedName>
    <definedName name="ら" localSheetId="5">'明細書（電気詳細設計）'!ら</definedName>
    <definedName name="ら">[0]!ら</definedName>
    <definedName name="ﾛﾗｰ運転0.8_1.1t" localSheetId="0">#REF!</definedName>
    <definedName name="ﾛﾗｰ運転0.8_1.1t">#REF!</definedName>
    <definedName name="ﾛﾗｰ運転3.0_4.0t" localSheetId="0">#REF!</definedName>
    <definedName name="ﾛﾗｰ運転3.0_4.0t">#REF!</definedName>
    <definedName name="ん">[22]条件!$E$21</definedName>
    <definedName name="んｈ">'[23]１ページ'!$J$41</definedName>
    <definedName name="んｍ" localSheetId="0">'設計書表紙 '!んｍ</definedName>
    <definedName name="んｍ">[0]!んｍ</definedName>
    <definedName name="安全" localSheetId="0">#REF!</definedName>
    <definedName name="安全">#REF!</definedName>
    <definedName name="按分">#REF!</definedName>
    <definedName name="異形管率">#REF!</definedName>
    <definedName name="移動">#REF!</definedName>
    <definedName name="維持管理委託費">#REF!</definedName>
    <definedName name="井戸水">#REF!</definedName>
    <definedName name="井水">[60]条件!$C$6</definedName>
    <definedName name="一">#REF!</definedName>
    <definedName name="一位代価">#REF!</definedName>
    <definedName name="一般運転手" localSheetId="0">#REF!</definedName>
    <definedName name="一般運転手" localSheetId="4">#REF!</definedName>
    <definedName name="一般運転手" localSheetId="3">#REF!</definedName>
    <definedName name="一般運転手" localSheetId="5">#REF!</definedName>
    <definedName name="一般運転手">#REF!</definedName>
    <definedName name="一般労務費" localSheetId="0">#REF!</definedName>
    <definedName name="一般労務費">#REF!</definedName>
    <definedName name="印刷" localSheetId="0">[61]!印刷</definedName>
    <definedName name="印刷">[61]!印刷</definedName>
    <definedName name="印刷05" localSheetId="0">#REF!</definedName>
    <definedName name="印刷05">#REF!</definedName>
    <definedName name="印刷1">#REF!</definedName>
    <definedName name="印刷10" localSheetId="0">#REF!</definedName>
    <definedName name="印刷10">#REF!</definedName>
    <definedName name="印刷2">#REF!</definedName>
    <definedName name="印刷20" localSheetId="0">#REF!</definedName>
    <definedName name="印刷20">#REF!</definedName>
    <definedName name="印刷3">#REF!</definedName>
    <definedName name="印刷30" localSheetId="0">#REF!</definedName>
    <definedName name="印刷30">#REF!</definedName>
    <definedName name="印刷4">#REF!</definedName>
    <definedName name="印刷40" localSheetId="0">#REF!</definedName>
    <definedName name="印刷40">#REF!</definedName>
    <definedName name="印刷50" localSheetId="0">#REF!</definedName>
    <definedName name="印刷50">#REF!</definedName>
    <definedName name="印刷7">#REF!</definedName>
    <definedName name="印刷8">#REF!</definedName>
    <definedName name="印刷EX" localSheetId="0">#REF!</definedName>
    <definedName name="印刷EX">#REF!</definedName>
    <definedName name="印刷後" localSheetId="0">'設計書表紙 '!印刷後</definedName>
    <definedName name="印刷後" localSheetId="2">内訳書!印刷後</definedName>
    <definedName name="印刷後" localSheetId="4">'明細書（現場調査）'!印刷後</definedName>
    <definedName name="印刷後" localSheetId="3">'明細書（設計協議）'!印刷後</definedName>
    <definedName name="印刷後" localSheetId="5">'明細書（電気詳細設計）'!印刷後</definedName>
    <definedName name="印刷後">[0]!印刷後</definedName>
    <definedName name="印刷範囲">#REF!</definedName>
    <definedName name="印刷表">[62]表紙!#REF!</definedName>
    <definedName name="雨水濾過">[3]歩・屋!$W$8</definedName>
    <definedName name="運送費表示">#REF!</definedName>
    <definedName name="運転時間">#REF!</definedName>
    <definedName name="運転手_一般">#REF!</definedName>
    <definedName name="運転手_特殊">#REF!</definedName>
    <definedName name="運転日数">#REF!</definedName>
    <definedName name="運搬" localSheetId="0">#REF!</definedName>
    <definedName name="運搬">#REF!</definedName>
    <definedName name="営繕" localSheetId="0">#REF!</definedName>
    <definedName name="営繕">#REF!</definedName>
    <definedName name="衛生器具">#REF!</definedName>
    <definedName name="汚水桝">[63]排水桝!#REF!</definedName>
    <definedName name="横太線">#N/A</definedName>
    <definedName name="屋外ｶﾞｽ">#REF!</definedName>
    <definedName name="屋外給水">#REF!</definedName>
    <definedName name="屋外排水">#REF!</definedName>
    <definedName name="屋根">[6]外部!$A$1</definedName>
    <definedName name="屋根ふき工">#REF!</definedName>
    <definedName name="屋内ｶﾞｽ">#REF!</definedName>
    <definedName name="屋内給水">#REF!</definedName>
    <definedName name="屋内排水">#REF!</definedName>
    <definedName name="化粧鏡">#REF!</definedName>
    <definedName name="仮">[64]亜鉛鉄板!$AP$1</definedName>
    <definedName name="仮1" hidden="1">#REF!</definedName>
    <definedName name="仮２" hidden="1">#REF!</definedName>
    <definedName name="仮ＮＯ">#REF!</definedName>
    <definedName name="仮囲い" localSheetId="0">'設計書表紙 '!仮囲い</definedName>
    <definedName name="仮囲い">[0]!仮囲い</definedName>
    <definedName name="仮囲い１" localSheetId="0">'設計書表紙 '!仮囲い１</definedName>
    <definedName name="仮囲い１">[0]!仮囲い１</definedName>
    <definedName name="仮囲い２" localSheetId="0">'設計書表紙 '!仮囲い２</definedName>
    <definedName name="仮囲い２">[0]!仮囲い２</definedName>
    <definedName name="仮囲い３" localSheetId="0">'設計書表紙 '!仮囲い３</definedName>
    <definedName name="仮囲い３">[0]!仮囲い３</definedName>
    <definedName name="仮囲い４" localSheetId="0">'設計書表紙 '!仮囲い４</definedName>
    <definedName name="仮囲い４">[0]!仮囲い４</definedName>
    <definedName name="仮囲い５" localSheetId="0">'設計書表紙 '!仮囲い５</definedName>
    <definedName name="仮囲い５">[0]!仮囲い５</definedName>
    <definedName name="仮設" localSheetId="0">#REF!</definedName>
    <definedName name="仮設">#REF!</definedName>
    <definedName name="仮設1">[0]!仮設1</definedName>
    <definedName name="仮設給水">[0]!仮設給水</definedName>
    <definedName name="仮設給水管資材" hidden="1">{"設定1",#N/A,FALSE,"第5号-1";"設定2",#N/A,FALSE,"第5号-1"}</definedName>
    <definedName name="仮設給水労務">[0]!仮設給水労務</definedName>
    <definedName name="仮設配水管労務" hidden="1">{"設定1",#N/A,FALSE,"第5号-1";"設定2",#N/A,FALSE,"第5号-1"}</definedName>
    <definedName name="仮設費" hidden="1">{#N/A,#N/A,FALSE,"内訳"}</definedName>
    <definedName name="河川水">#REF!</definedName>
    <definedName name="稼働時間">#REF!</definedName>
    <definedName name="解析単位重量">#REF!</definedName>
    <definedName name="回収率">[59]条件!$C$14</definedName>
    <definedName name="開口">[57]!Dialog3_ボタン2_Click</definedName>
    <definedName name="開始頁">[62]表紙!#REF!</definedName>
    <definedName name="外構">[6]外構!$A$1</definedName>
    <definedName name="外部給排">#REF!</definedName>
    <definedName name="外部建具">[6]外部!$A$193</definedName>
    <definedName name="確認0">#REF!</definedName>
    <definedName name="換気">#REF!</definedName>
    <definedName name="環境" localSheetId="0">#REF!</definedName>
    <definedName name="環境">#REF!</definedName>
    <definedName name="環境対策区分">#REF!</definedName>
    <definedName name="環境対策区分1">#REF!</definedName>
    <definedName name="管渠土工計算書">#REF!</definedName>
    <definedName name="管理" hidden="1">{"設定1",#N/A,FALSE,"第5号-1";"設定2",#N/A,FALSE,"第5号-1"}</definedName>
    <definedName name="管理棟" hidden="1">{"設定1",#N/A,FALSE,"第5号-1";"設定2",#N/A,FALSE,"第5号-1"}</definedName>
    <definedName name="管理棟配線" hidden="1">{"設定1",#N/A,FALSE,"第5号-1";"設定2",#N/A,FALSE,"第5号-1"}</definedName>
    <definedName name="管理棟配線材料" hidden="1">{"設定1",#N/A,FALSE,"第5号-1";"設定2",#N/A,FALSE,"第5号-1"}</definedName>
    <definedName name="貫通部">#REF!</definedName>
    <definedName name="器">#REF!</definedName>
    <definedName name="基礎工">#REF!</definedName>
    <definedName name="既存校舎">[27]内訳書!#REF!</definedName>
    <definedName name="機械一般率表">#REF!</definedName>
    <definedName name="機械仮設改率表">#REF!</definedName>
    <definedName name="機械仮設新率表">#REF!</definedName>
    <definedName name="機械現場改率表">#REF!</definedName>
    <definedName name="機械現場新率表">#REF!</definedName>
    <definedName name="機械設備据付工">#REF!</definedName>
    <definedName name="機械内訳書" hidden="1">{"設定1",#N/A,FALSE,"第5号-1";"設定2",#N/A,FALSE,"第5号-1"}</definedName>
    <definedName name="機器名称">[65]機器等据付工!$B$8:$B$41,[65]機器等据付工!$B$65,[65]機器等据付工!$B$65:$B$98</definedName>
    <definedName name="機器名称２">[43]機器等据付工!#REF!</definedName>
    <definedName name="記号">[66]表紙!#REF!</definedName>
    <definedName name="記号3">[67]搬入据付様式!#REF!</definedName>
    <definedName name="記号4">[67]搬入据付様式!#REF!</definedName>
    <definedName name="記号5">[67]搬入据付様式!#REF!</definedName>
    <definedName name="記号6">[67]搬入据付様式!#REF!</definedName>
    <definedName name="軌道工">#REF!</definedName>
    <definedName name="鬼崎1">#REF!</definedName>
    <definedName name="技師_Ａ">#REF!</definedName>
    <definedName name="技師_Ｂ">#REF!</definedName>
    <definedName name="技師_Ｃ">#REF!</definedName>
    <definedName name="技師Ａ">#REF!</definedName>
    <definedName name="技師Ｂ">#REF!</definedName>
    <definedName name="技術" localSheetId="0">#REF!</definedName>
    <definedName name="技術">#REF!</definedName>
    <definedName name="技術員">#REF!</definedName>
    <definedName name="技術者Ａ">#REF!</definedName>
    <definedName name="技術者Ｂ">#REF!</definedName>
    <definedName name="客土データ">#REF!</definedName>
    <definedName name="逆洗回数">[59]条件!$E$21</definedName>
    <definedName name="逆洗時間">[59]条件!$C$22</definedName>
    <definedName name="逆洗次亜費">#REF!</definedName>
    <definedName name="逆洗水率">[59]条件!$C$16</definedName>
    <definedName name="逆洗水量">[59]条件!$C$18</definedName>
    <definedName name="逆洗頻度">[59]条件!$C$21</definedName>
    <definedName name="逆洗分割数">#REF!</definedName>
    <definedName name="吸出防止材" localSheetId="0">[68]明細書!#REF!</definedName>
    <definedName name="吸出防止材">[68]明細書!#REF!</definedName>
    <definedName name="給水PS">#REF!</definedName>
    <definedName name="給水労務2" hidden="1">{"設定1",#N/A,FALSE,"第5号-1";"設定2",#N/A,FALSE,"第5号-1"}</definedName>
    <definedName name="給湯">#REF!</definedName>
    <definedName name="給排">#REF!</definedName>
    <definedName name="給排2">#REF!</definedName>
    <definedName name="給排水表紙">#REF!</definedName>
    <definedName name="共">#REF!</definedName>
    <definedName name="共仮" localSheetId="0">#REF!</definedName>
    <definedName name="共仮">#REF!</definedName>
    <definedName name="共通">[6]仮設躯体!#REF!</definedName>
    <definedName name="橋梁世話役">#REF!</definedName>
    <definedName name="橋梁塗装工">#REF!</definedName>
    <definedName name="橋梁特殊工">#REF!</definedName>
    <definedName name="業印">#REF!</definedName>
    <definedName name="金額">#REF!</definedName>
    <definedName name="金入り設計書">#REF!</definedName>
    <definedName name="金入設定">[24]表紙!#REF!</definedName>
    <definedName name="金抜き設計書">#REF!</definedName>
    <definedName name="金抜設定">[62]表紙!#REF!</definedName>
    <definedName name="躯体">[6]仮設躯体!$A$182</definedName>
    <definedName name="掘削">[49]表紙!#REF!</definedName>
    <definedName name="掘削梁">[49]表紙!#REF!</definedName>
    <definedName name="桑名市多度町">#REF!</definedName>
    <definedName name="型わく工">#REF!</definedName>
    <definedName name="型枠_小型" localSheetId="0">#REF!</definedName>
    <definedName name="型枠_小型">#REF!</definedName>
    <definedName name="型枠_小型Ⅱ" localSheetId="0">#REF!</definedName>
    <definedName name="型枠_小型Ⅱ">#REF!</definedName>
    <definedName name="型枠_鉄筋" localSheetId="0">#REF!</definedName>
    <definedName name="型枠_鉄筋">#REF!</definedName>
    <definedName name="型枠_無筋" localSheetId="0">#REF!</definedName>
    <definedName name="型枠_無筋">#REF!</definedName>
    <definedName name="型枠工" localSheetId="0">#REF!</definedName>
    <definedName name="型枠工" localSheetId="4">#REF!</definedName>
    <definedName name="型枠工" localSheetId="3">#REF!</definedName>
    <definedName name="型枠工" localSheetId="5">#REF!</definedName>
    <definedName name="型枠工">#REF!</definedName>
    <definedName name="形状寸法">#REF!</definedName>
    <definedName name="系列数">[59]条件!$C$8</definedName>
    <definedName name="経費">[3]歩・屋!$W$3</definedName>
    <definedName name="経費率">#REF!</definedName>
    <definedName name="継続">#REF!</definedName>
    <definedName name="罫非表示">#REF!</definedName>
    <definedName name="罫表示">#REF!</definedName>
    <definedName name="計">#REF!</definedName>
    <definedName name="計画浄水量">#REF!</definedName>
    <definedName name="計画膜ろ過水量">[59]条件!$C$17</definedName>
    <definedName name="計画膜ろ過流束">[59]条件!$C$5</definedName>
    <definedName name="計算書" localSheetId="0">#REF!</definedName>
    <definedName name="計算書">#REF!</definedName>
    <definedName name="計装" hidden="1">{"設定1",#N/A,FALSE,"第5号-1";"設定2",#N/A,FALSE,"第5号-1"}</definedName>
    <definedName name="軽作業員" localSheetId="0">#REF!</definedName>
    <definedName name="軽作業員">#REF!</definedName>
    <definedName name="軽油">#REF!</definedName>
    <definedName name="軽油陸上用" localSheetId="0">#REF!</definedName>
    <definedName name="軽油陸上用">#REF!</definedName>
    <definedName name="桁" localSheetId="0">#REF!</definedName>
    <definedName name="桁">#REF!</definedName>
    <definedName name="月_1日" localSheetId="0">#REF!</definedName>
    <definedName name="月_1日">#REF!</definedName>
    <definedName name="件" localSheetId="0">'設計書表紙 '!件</definedName>
    <definedName name="件">[0]!件</definedName>
    <definedName name="建具工">#REF!</definedName>
    <definedName name="建築">[6]内訳!$A$42</definedName>
    <definedName name="建築ﾌﾞﾛｯｸ工">#REF!</definedName>
    <definedName name="建築一般率表">#REF!</definedName>
    <definedName name="建築現場改率表">#REF!</definedName>
    <definedName name="建築現場新率表">#REF!</definedName>
    <definedName name="建築工事">#REF!</definedName>
    <definedName name="建築電気設備" hidden="1">{#N/A,#N/A,FALSE,"内訳"}</definedName>
    <definedName name="県名">#REF!</definedName>
    <definedName name="見積空調">'[69]代価表 '!#REF!</definedName>
    <definedName name="見積比較換気">'[70]代価表 '!$Z$2</definedName>
    <definedName name="見積比較表">'[71]代価表 '!$Z$2</definedName>
    <definedName name="見比衛生2">'[72]代価表 '!#REF!</definedName>
    <definedName name="原価" localSheetId="0">#REF!</definedName>
    <definedName name="原価">#REF!</definedName>
    <definedName name="原水量">#REF!</definedName>
    <definedName name="現">#REF!</definedName>
    <definedName name="現管" localSheetId="0">#REF!</definedName>
    <definedName name="現管">#REF!</definedName>
    <definedName name="現場管理費">#REF!</definedName>
    <definedName name="呼出">#N/A</definedName>
    <definedName name="交通整理員">#REF!</definedName>
    <definedName name="工事カ所名">[73]設計書入力!$DT$23:$DU$700</definedName>
    <definedName name="工事件名">[74]工事総括!$C$3</definedName>
    <definedName name="工事明細">#REF!</definedName>
    <definedName name="工種区分" localSheetId="0">#REF!</definedName>
    <definedName name="工種区分">#REF!</definedName>
    <definedName name="工場派遣労務費" localSheetId="0">#REF!</definedName>
    <definedName name="工場派遣労務費">#REF!</definedName>
    <definedName name="甲形止水栓φ20">#REF!</definedName>
    <definedName name="甲形止水栓φ25">#REF!</definedName>
    <definedName name="甲形止水栓φ40">#REF!</definedName>
    <definedName name="行削除">#REF!</definedName>
    <definedName name="行数">#REF!</definedName>
    <definedName name="行数18">#N/A</definedName>
    <definedName name="行挿入">#REF!</definedName>
    <definedName name="鋼管">#REF!</definedName>
    <definedName name="鋼管φ20">#REF!</definedName>
    <definedName name="鋼管φ25">#REF!</definedName>
    <definedName name="鋼管φ40">#REF!</definedName>
    <definedName name="鋼製加工品">#REF!</definedName>
    <definedName name="鋼製架台">#REF!</definedName>
    <definedName name="高さ1">#REF!</definedName>
    <definedName name="高級船員">#REF!</definedName>
    <definedName name="根拠設定">[62]表紙!#REF!</definedName>
    <definedName name="根拠範囲">[3]歩・屋!$B$3:$AD$372</definedName>
    <definedName name="左官" localSheetId="0">#REF!</definedName>
    <definedName name="左官" localSheetId="4">#REF!</definedName>
    <definedName name="左官" localSheetId="3">#REF!</definedName>
    <definedName name="左官" localSheetId="5">#REF!</definedName>
    <definedName name="左官">#REF!</definedName>
    <definedName name="査定率">#REF!</definedName>
    <definedName name="査定率表">[58]見積･重量!#REF!</definedName>
    <definedName name="最大給水量">#REF!</definedName>
    <definedName name="砕石">[75]一位代価表!$F$147</definedName>
    <definedName name="細粒度AS" localSheetId="0">#REF!</definedName>
    <definedName name="細粒度AS">#REF!</definedName>
    <definedName name="材質">#REF!</definedName>
    <definedName name="材種">[76]鉄骨DATA!$A$2:$A$10</definedName>
    <definedName name="材料形状">#REF!</definedName>
    <definedName name="削除">#REF!</definedName>
    <definedName name="撮影士">#REF!</definedName>
    <definedName name="撮影助手">#REF!</definedName>
    <definedName name="雑材率">#REF!</definedName>
    <definedName name="山砂" localSheetId="0">#REF!</definedName>
    <definedName name="山砂">#REF!</definedName>
    <definedName name="山林砂防工">#REF!</definedName>
    <definedName name="酸素" localSheetId="0">#REF!</definedName>
    <definedName name="酸素">#REF!</definedName>
    <definedName name="残土自由処分" localSheetId="0">#REF!</definedName>
    <definedName name="残土自由処分">#REF!</definedName>
    <definedName name="使用量">#REF!</definedName>
    <definedName name="施工区分">#REF!</definedName>
    <definedName name="施工地域">#REF!</definedName>
    <definedName name="試運転費" localSheetId="0">#REF!</definedName>
    <definedName name="試運転費">#REF!</definedName>
    <definedName name="寺井２" hidden="1">{"設定1",#N/A,FALSE,"第5号-1";"設定2",#N/A,FALSE,"第5号-1"}</definedName>
    <definedName name="次亜逆洗費">#REF!</definedName>
    <definedName name="次亜消毒費">#REF!</definedName>
    <definedName name="次亜単価">#REF!</definedName>
    <definedName name="自家発">[77]!Dialog3_ボタン2_Click</definedName>
    <definedName name="室内">[6]内訳!$A$249</definedName>
    <definedName name="実行">#REF!</definedName>
    <definedName name="主任技師">#REF!</definedName>
    <definedName name="主任技術者">#REF!</definedName>
    <definedName name="主任地質調査員">#REF!</definedName>
    <definedName name="種別">[58]見積･重量!#REF!</definedName>
    <definedName name="修正">[24]表紙!#REF!</definedName>
    <definedName name="修正1">[24]表紙!#REF!</definedName>
    <definedName name="修正2">[24]表紙!#REF!</definedName>
    <definedName name="修正3">[24]表紙!#REF!</definedName>
    <definedName name="修正4">[24]表紙!#REF!</definedName>
    <definedName name="修正5">[62]表紙!#REF!</definedName>
    <definedName name="修正6">[62]表紙!#REF!</definedName>
    <definedName name="修正年月">[78]目次!$B$2</definedName>
    <definedName name="終了">#N/A</definedName>
    <definedName name="出力">#REF!</definedName>
    <definedName name="出力２">'[3]#REF'!$U$5:$AK$5</definedName>
    <definedName name="準備" localSheetId="0">#REF!</definedName>
    <definedName name="準備">#REF!</definedName>
    <definedName name="純元" localSheetId="0">#REF!</definedName>
    <definedName name="純元">#REF!</definedName>
    <definedName name="純工" localSheetId="0">#REF!</definedName>
    <definedName name="純工">#REF!</definedName>
    <definedName name="処分費" localSheetId="0">'設計書表紙 '!処分費</definedName>
    <definedName name="処分費">[0]!処分費</definedName>
    <definedName name="処分費１" localSheetId="0">'設計書表紙 '!処分費１</definedName>
    <definedName name="処分費１">[0]!処分費１</definedName>
    <definedName name="処分費２" localSheetId="0">'設計書表紙 '!処分費２</definedName>
    <definedName name="処分費２">[0]!処分費２</definedName>
    <definedName name="処分費３" localSheetId="0">'設計書表紙 '!処分費３</definedName>
    <definedName name="処分費３">[0]!処分費３</definedName>
    <definedName name="処理水量">#REF!</definedName>
    <definedName name="小計">[73]設計書入力!$FD$21:$GH$23</definedName>
    <definedName name="小松経費" hidden="1">#REF!</definedName>
    <definedName name="小配管">#REF!</definedName>
    <definedName name="小配管弁類">#REF!</definedName>
    <definedName name="小便器">#REF!</definedName>
    <definedName name="松阪市">#REF!</definedName>
    <definedName name="消毒次亜費">#REF!</definedName>
    <definedName name="消毒費">#REF!</definedName>
    <definedName name="照明" hidden="1">{"設定1",#N/A,FALSE,"第5号-1";"設定2",#N/A,FALSE,"第5号-1"}</definedName>
    <definedName name="照明器具_K201">#REF!</definedName>
    <definedName name="省略単価">#REF!</definedName>
    <definedName name="条件">#REF!</definedName>
    <definedName name="条件１">#REF!</definedName>
    <definedName name="条件２">#REF!</definedName>
    <definedName name="条件３">#REF!</definedName>
    <definedName name="条件４">#REF!</definedName>
    <definedName name="条件５">#REF!</definedName>
    <definedName name="条件６">#REF!</definedName>
    <definedName name="浄化槽">#REF!</definedName>
    <definedName name="伸縮止水栓φ20">#REF!</definedName>
    <definedName name="伸縮止水栓φ20×φ13">#REF!</definedName>
    <definedName name="伸縮止水栓φ20×φ16">#REF!</definedName>
    <definedName name="伸縮止水栓φ25">#REF!</definedName>
    <definedName name="伸縮止水栓φ40">#REF!</definedName>
    <definedName name="新設・撤去・再用区分">#REF!</definedName>
    <definedName name="人件費">#REF!</definedName>
    <definedName name="人工集計表">#REF!</definedName>
    <definedName name="人力床堀" localSheetId="0">#REF!</definedName>
    <definedName name="人力床堀">#REF!</definedName>
    <definedName name="人力埋戻工" localSheetId="0">#REF!</definedName>
    <definedName name="人力埋戻工">#REF!</definedName>
    <definedName name="人力埋戻工ﾀﾝﾊﾟｰ" localSheetId="0">#REF!</definedName>
    <definedName name="人力埋戻工ﾀﾝﾊﾟｰ">#REF!</definedName>
    <definedName name="水位取水1＿データ">#REF!</definedName>
    <definedName name="水位取水1データ">#REF!</definedName>
    <definedName name="水槽_FRP">[3]歩・屋!$W$6</definedName>
    <definedName name="水槽_鉄">[3]歩・屋!$W$7</definedName>
    <definedName name="水中ポンプ">[75]一位代価表!$F$223</definedName>
    <definedName name="数値">#REF!</definedName>
    <definedName name="数値コピー">#REF!</definedName>
    <definedName name="数量">#REF!</definedName>
    <definedName name="数量1">#REF!</definedName>
    <definedName name="据付" hidden="1">{"設定1",#N/A,FALSE,"第5号-1";"設定2",#N/A,FALSE,"第5号-1"}</definedName>
    <definedName name="据付2" hidden="1">{"設定1",#N/A,FALSE,"第5号-1";"設定2",#N/A,FALSE,"第5号-1"}</definedName>
    <definedName name="据付3" hidden="1">{"設定1",#N/A,FALSE,"第5号-1";"設定2",#N/A,FALSE,"第5号-1"}</definedName>
    <definedName name="据付4" hidden="1">{"設定1",#N/A,FALSE,"第5号-1";"設定2",#N/A,FALSE,"第5号-1"}</definedName>
    <definedName name="据付5" hidden="1">{"設定1",#N/A,FALSE,"第5号-1";"設定2",#N/A,FALSE,"第5号-1"}</definedName>
    <definedName name="据付6" hidden="1">{"設定1",#N/A,FALSE,"第5号-1";"設定2",#N/A,FALSE,"第5号-1"}</definedName>
    <definedName name="整備士">#REF!</definedName>
    <definedName name="生コンFｰ160" localSheetId="0">#REF!</definedName>
    <definedName name="生コンFｰ160">#REF!</definedName>
    <definedName name="生コンFｰ210" localSheetId="0">#REF!</definedName>
    <definedName name="生コンFｰ210">#REF!</definedName>
    <definedName name="請負額算定">[79]!印刷</definedName>
    <definedName name="石工">#REF!</definedName>
    <definedName name="切込砕石Cｰ30" localSheetId="0">#REF!</definedName>
    <definedName name="切込砕石Cｰ30">#REF!</definedName>
    <definedName name="切込砕石Cｰ40" localSheetId="0">#REF!</definedName>
    <definedName name="切込砕石Cｰ40">#REF!</definedName>
    <definedName name="切込砕石Cｰ80" localSheetId="0">#REF!</definedName>
    <definedName name="切込砕石Cｰ80">#REF!</definedName>
    <definedName name="接合材料率">#REF!</definedName>
    <definedName name="設計">[66]表紙!#REF!</definedName>
    <definedName name="設計技術員">#REF!</definedName>
    <definedName name="設計書2" localSheetId="0">'設計書表紙 '!設計書2</definedName>
    <definedName name="設計書2">[0]!設計書2</definedName>
    <definedName name="設計書表紙金入">#REF!</definedName>
    <definedName name="設計書表紙金抜">#REF!</definedName>
    <definedName name="設計書表紙金抜２">[80]設計書!$AN$63:$AX$86</definedName>
    <definedName name="設備機械工">#REF!</definedName>
    <definedName name="設備名称1">#REF!</definedName>
    <definedName name="洗面器">#REF!</definedName>
    <definedName name="潜かん工">#REF!</definedName>
    <definedName name="潜かん世話役">#REF!</definedName>
    <definedName name="潜水士">#REF!</definedName>
    <definedName name="潜水世話役">#REF!</definedName>
    <definedName name="潜水送気員">#REF!</definedName>
    <definedName name="潜水連絡員">#REF!</definedName>
    <definedName name="船団長">#REF!</definedName>
    <definedName name="前払金割合">#REF!</definedName>
    <definedName name="全体内訳書" hidden="1">{"設定1",#N/A,FALSE,"第5号-1";"設定2",#N/A,FALSE,"第5号-1"}</definedName>
    <definedName name="全頁印刷">[24]表紙!#REF!</definedName>
    <definedName name="粗粒AS" localSheetId="0">#REF!</definedName>
    <definedName name="粗粒AS">#REF!</definedName>
    <definedName name="組合せ試験費" localSheetId="0">#REF!</definedName>
    <definedName name="組合せ試験費">#REF!</definedName>
    <definedName name="創">#REF!</definedName>
    <definedName name="操縦士">#REF!</definedName>
    <definedName name="総括">[6]内訳!$A$1</definedName>
    <definedName name="送付" hidden="1">{"設定1",#N/A,FALSE,"第5号-1";"設定2",#N/A,FALSE,"第5号-1"}</definedName>
    <definedName name="送付1" hidden="1">{"設定1",#N/A,FALSE,"第5号-1";"設定2",#N/A,FALSE,"第5号-1"}</definedName>
    <definedName name="造園工">#REF!</definedName>
    <definedName name="測量技師">#REF!</definedName>
    <definedName name="測量技師補">#REF!</definedName>
    <definedName name="測量主任技師">#REF!</definedName>
    <definedName name="測量助手">#REF!</definedName>
    <definedName name="測量上級主任技師">#REF!</definedName>
    <definedName name="続">#REF!</definedName>
    <definedName name="多度">#REF!</definedName>
    <definedName name="多度内訳書その２">#REF!</definedName>
    <definedName name="太罫線">#REF!</definedName>
    <definedName name="耐震水槽">[3]歩・屋!$W$11</definedName>
    <definedName name="代価" localSheetId="0">'設計書表紙 '!代価</definedName>
    <definedName name="代価" localSheetId="2">内訳書!代価</definedName>
    <definedName name="代価" localSheetId="4">'明細書（現場調査）'!代価</definedName>
    <definedName name="代価" localSheetId="3">'明細書（設計協議）'!代価</definedName>
    <definedName name="代価" localSheetId="5">'明細書（電気詳細設計）'!代価</definedName>
    <definedName name="代価">[0]!代価</definedName>
    <definedName name="代価1" hidden="1">{#N/A,#N/A,FALSE,"内訳"}</definedName>
    <definedName name="代価一覧PRINT">#REF!</definedName>
    <definedName name="代価一覧表PRINT">#REF!</definedName>
    <definedName name="代価根拠範囲">[3]歩・屋!$B$3:$AD$362</definedName>
    <definedName name="代価電気">[81]一位代価!$A:$IV</definedName>
    <definedName name="代価表" localSheetId="0">'設計書表紙 '!代価表</definedName>
    <definedName name="代価表">#REF!</definedName>
    <definedName name="代価表Ａ"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大工" localSheetId="0">#REF!</definedName>
    <definedName name="大工">#REF!</definedName>
    <definedName name="大便器">#REF!</definedName>
    <definedName name="第_Ａ_２">#REF!</definedName>
    <definedName name="第_Ａ_３">#REF!</definedName>
    <definedName name="第_Ｂ_１">#REF!</definedName>
    <definedName name="第_Ｂ_２">'[82]Ａ代価 '!#REF!</definedName>
    <definedName name="第_Ｂ_４">'[82]Ａ代価 '!#REF!</definedName>
    <definedName name="第１号管代価" localSheetId="0">#REF!</definedName>
    <definedName name="第１号管代価">#REF!</definedName>
    <definedName name="第１号明細書" hidden="1">{"設定1",#N/A,FALSE,"第5号-1";"設定2",#N/A,FALSE,"第5号-1"}</definedName>
    <definedName name="第一号">#REF!</definedName>
    <definedName name="第三号">#REF!</definedName>
    <definedName name="第二号">[13]経費計算!#REF!</definedName>
    <definedName name="単位" localSheetId="0">#REF!</definedName>
    <definedName name="単位">#REF!</definedName>
    <definedName name="単位量">#REF!</definedName>
    <definedName name="単価" localSheetId="0">#REF!</definedName>
    <definedName name="単価">#REF!</definedName>
    <definedName name="単価コード">[83]単価コード!$B$1:$H$65536</definedName>
    <definedName name="単価一覧">#REF!</definedName>
    <definedName name="単価一覧表">[84]単価一覧表!$A$2:$H$378</definedName>
    <definedName name="単価表">[85]単価コード表!$B$3:$L$1403</definedName>
    <definedName name="段数">[59]条件!$C$10</definedName>
    <definedName name="地質調査員">#REF!</definedName>
    <definedName name="地質調査技師">#REF!</definedName>
    <definedName name="池数__1池式">#REF!</definedName>
    <definedName name="着水井" hidden="1">{"設定1",#N/A,FALSE,"第5号-1";"設定2",#N/A,FALSE,"第5号-1"}</definedName>
    <definedName name="着水井機器" hidden="1">{"設定1",#N/A,FALSE,"第5号-1";"設定2",#N/A,FALSE,"第5号-1"}</definedName>
    <definedName name="中部">#REF!</definedName>
    <definedName name="鋳鉄管">#REF!</definedName>
    <definedName name="鋳鉄管重量表">#REF!</definedName>
    <definedName name="鋳鉄管切断機500以下" localSheetId="0">#REF!</definedName>
    <definedName name="鋳鉄管切断機500以下">#REF!</definedName>
    <definedName name="鋳鉄管弁類">#REF!</definedName>
    <definedName name="長さ1">#REF!</definedName>
    <definedName name="直仮">[6]内訳!$A$79</definedName>
    <definedName name="直管重量">#REF!</definedName>
    <definedName name="直工" localSheetId="0">#REF!</definedName>
    <definedName name="直工">#REF!</definedName>
    <definedName name="直接工事費">#REF!</definedName>
    <definedName name="低減率">#REF!</definedName>
    <definedName name="提出範囲">[3]歩・屋!$B$3:$V$372</definedName>
    <definedName name="適用２">#REF!</definedName>
    <definedName name="撤去">#REF!</definedName>
    <definedName name="鉄管">#REF!</definedName>
    <definedName name="鉄筋工" localSheetId="0">#REF!</definedName>
    <definedName name="鉄筋工">#REF!</definedName>
    <definedName name="鉄骨工" localSheetId="0">#REF!</definedName>
    <definedName name="鉄骨工">#REF!</definedName>
    <definedName name="田端">#REF!</definedName>
    <definedName name="電気">[86]Ⅶ電気!$B$1</definedName>
    <definedName name="電気①">#REF!</definedName>
    <definedName name="電気②" hidden="1">#REF!</definedName>
    <definedName name="電気一般率表">#REF!</definedName>
    <definedName name="電気温水器">[3]歩・屋!$W$9</definedName>
    <definedName name="電気温水器B">[3]歩・屋!$W$9</definedName>
    <definedName name="電気仮設改率表">#REF!</definedName>
    <definedName name="電気仮設新率表">#REF!</definedName>
    <definedName name="電気現場改率表">#REF!</definedName>
    <definedName name="電気現場新率表">#REF!</definedName>
    <definedName name="電気材料">[13]経費計算!#REF!</definedName>
    <definedName name="電気材料①">[13]経費計算!#REF!</definedName>
    <definedName name="電気材料③">[13]経費計算!#REF!</definedName>
    <definedName name="電気代価" localSheetId="0">[14]単価根拠!$U$56</definedName>
    <definedName name="電気代価" localSheetId="4">[14]単価根拠!$U$56</definedName>
    <definedName name="電気代価" localSheetId="3">[14]単価根拠!$U$56</definedName>
    <definedName name="電気代価" localSheetId="5">[14]単価根拠!$U$56</definedName>
    <definedName name="電気代価">[87]単価根拠!$U$56</definedName>
    <definedName name="電気労務" hidden="1">{"設定1",#N/A,FALSE,"第5号-1";"設定2",#N/A,FALSE,"第5号-1"}</definedName>
    <definedName name="電気労務費" hidden="1">{"設定1",#N/A,FALSE,"第5号-1";"設定2",#N/A,FALSE,"第5号-1"}</definedName>
    <definedName name="電極">[88]!ピクチャ5_Click</definedName>
    <definedName name="電工" localSheetId="0">#REF!</definedName>
    <definedName name="電工">#REF!</definedName>
    <definedName name="電工1">[25]ｹｰﾌﾞﾙ計!#REF!</definedName>
    <definedName name="電線管埋設">#REF!</definedName>
    <definedName name="電線管類" localSheetId="0">#REF!</definedName>
    <definedName name="電線管類">#REF!</definedName>
    <definedName name="電柱基礎">#REF!</definedName>
    <definedName name="電力量">#REF!</definedName>
    <definedName name="吐">[55]内訳!#REF!</definedName>
    <definedName name="吐１">[55]内訳!#REF!</definedName>
    <definedName name="吐出">[55]内訳!#REF!</definedName>
    <definedName name="吐出弁">[55]内訳!#REF!</definedName>
    <definedName name="塗装">#REF!</definedName>
    <definedName name="塗装・被覆工">#REF!</definedName>
    <definedName name="塗装工" localSheetId="0">#REF!</definedName>
    <definedName name="塗装工">#REF!</definedName>
    <definedName name="塗装費">#REF!</definedName>
    <definedName name="土工">[75]工事費内訳表!$H$11</definedName>
    <definedName name="土木一般世話役" localSheetId="0">#REF!</definedName>
    <definedName name="土木一般世話役">#REF!</definedName>
    <definedName name="土木世話役" localSheetId="0">#REF!</definedName>
    <definedName name="土木世話役">#REF!</definedName>
    <definedName name="土留工">#REF!</definedName>
    <definedName name="土量計算書">[49]表紙!#REF!</definedName>
    <definedName name="東海">#REF!</definedName>
    <definedName name="湯ノ谷印刷">[89]!湯ノ谷印刷</definedName>
    <definedName name="当り">#REF!</definedName>
    <definedName name="頭２" hidden="1">{#N/A,#N/A,FALSE,"Sheet16";#N/A,#N/A,FALSE,"Sheet16"}</definedName>
    <definedName name="頭出しA">[90]修正履歴!#REF!</definedName>
    <definedName name="動力費">#REF!</definedName>
    <definedName name="特殊運転手" localSheetId="0">#REF!</definedName>
    <definedName name="特殊運転手" localSheetId="4">#REF!</definedName>
    <definedName name="特殊運転手" localSheetId="3">#REF!</definedName>
    <definedName name="特殊運転手" localSheetId="5">#REF!</definedName>
    <definedName name="特殊運転手">#REF!</definedName>
    <definedName name="特殊作業員" localSheetId="0">#REF!</definedName>
    <definedName name="特殊作業員" localSheetId="4">#REF!</definedName>
    <definedName name="特殊作業員" localSheetId="3">#REF!</definedName>
    <definedName name="特殊作業員" localSheetId="5">#REF!</definedName>
    <definedName name="特殊作業員">#REF!</definedName>
    <definedName name="特別仮設工事" hidden="1">{#N/A,#N/A,FALSE,"Sheet16";#N/A,#N/A,FALSE,"Sheet16"}</definedName>
    <definedName name="内屋根">[6]内訳!$A$153</definedName>
    <definedName name="内外構">[6]内訳!$A$361</definedName>
    <definedName name="内躯体">[6]内訳!$A$56</definedName>
    <definedName name="内装工">#REF!</definedName>
    <definedName name="内部給排1">[91]外部改修工事!#REF!</definedName>
    <definedName name="内部給排2">[91]外部改修工事!#REF!</definedName>
    <definedName name="内部給排3">[91]外部改修工事!#REF!</definedName>
    <definedName name="内部建具">[6]内部!$A$1</definedName>
    <definedName name="内部雑">[6]内訳!$A$316</definedName>
    <definedName name="内訳">[92]表紙!#REF!</definedName>
    <definedName name="内訳1" hidden="1">{"設定1",#N/A,FALSE,"第5号-1";"設定2",#N/A,FALSE,"第5号-1"}</definedName>
    <definedName name="内訳2">[93]内訳!#REF!</definedName>
    <definedName name="内訳20" hidden="1">{#N/A,#N/A,FALSE,"内訳"}</definedName>
    <definedName name="内訳21" hidden="1">{#N/A,#N/A,FALSE,"内訳"}</definedName>
    <definedName name="内訳２２" hidden="1">{#N/A,#N/A,FALSE,"内訳"}</definedName>
    <definedName name="内訳23" hidden="1">{#N/A,#N/A,FALSE,"内訳"}</definedName>
    <definedName name="内訳24" hidden="1">{#N/A,#N/A,FALSE,"内訳"}</definedName>
    <definedName name="内訳25" hidden="1">{#N/A,#N/A,FALSE,"内訳"}</definedName>
    <definedName name="内訳26" hidden="1">{#N/A,#N/A,FALSE,"内訳"}</definedName>
    <definedName name="内訳27" hidden="1">{#N/A,#N/A,FALSE,"内訳"}</definedName>
    <definedName name="内訳28" hidden="1">{#N/A,#N/A,FALSE,"内訳"}</definedName>
    <definedName name="内訳29" hidden="1">{#N/A,#N/A,FALSE,"内訳"}</definedName>
    <definedName name="内訳３" hidden="1">{#N/A,#N/A,FALSE,"内訳"}</definedName>
    <definedName name="内訳30" hidden="1">{#N/A,#N/A,FALSE,"内訳"}</definedName>
    <definedName name="内訳31" hidden="1">{#N/A,#N/A,FALSE,"内訳"}</definedName>
    <definedName name="内訳33" hidden="1">{#N/A,#N/A,FALSE,"内訳"}</definedName>
    <definedName name="内訳34" hidden="1">{#N/A,#N/A,FALSE,"内訳"}</definedName>
    <definedName name="内訳35" hidden="1">{#N/A,#N/A,FALSE,"内訳"}</definedName>
    <definedName name="内訳36" hidden="1">{#N/A,#N/A,FALSE,"内訳"}</definedName>
    <definedName name="内訳37" hidden="1">{#N/A,#N/A,FALSE,"内訳"}</definedName>
    <definedName name="内訳38" hidden="1">{#N/A,#N/A,FALSE,"内訳"}</definedName>
    <definedName name="内訳39" hidden="1">{#N/A,#N/A,FALSE,"内訳"}</definedName>
    <definedName name="内訳４" hidden="1">{#N/A,#N/A,FALSE,"内訳"}</definedName>
    <definedName name="内訳40" hidden="1">{#N/A,#N/A,FALSE,"内訳"}</definedName>
    <definedName name="内訳55" hidden="1">{#N/A,#N/A,FALSE,"内訳"}</definedName>
    <definedName name="内訳６０" hidden="1">{#N/A,#N/A,FALSE,"内訳"}</definedName>
    <definedName name="内訳62" hidden="1">{#N/A,#N/A,FALSE,"内訳"}</definedName>
    <definedName name="内訳64" hidden="1">{#N/A,#N/A,FALSE,"内訳"}</definedName>
    <definedName name="内訳65" hidden="1">{#N/A,#N/A,FALSE,"内訳"}</definedName>
    <definedName name="内訳66" hidden="1">{#N/A,#N/A,FALSE,"内訳"}</definedName>
    <definedName name="内訳70" hidden="1">{#N/A,#N/A,FALSE,"内訳"}</definedName>
    <definedName name="内訳77" hidden="1">{#N/A,#N/A,FALSE,"内訳"}</definedName>
    <definedName name="内訳80" hidden="1">{#N/A,#N/A,FALSE,"内訳"}</definedName>
    <definedName name="内訳83" hidden="1">{#N/A,#N/A,FALSE,"内訳"}</definedName>
    <definedName name="内訳84" hidden="1">{#N/A,#N/A,FALSE,"内訳"}</definedName>
    <definedName name="内訳89" hidden="1">{#N/A,#N/A,FALSE,"内訳"}</definedName>
    <definedName name="内訳90" hidden="1">{#N/A,#N/A,FALSE,"内訳"}</definedName>
    <definedName name="内訳96" hidden="1">{#N/A,#N/A,FALSE,"内訳"}</definedName>
    <definedName name="内訳97" hidden="1">{#N/A,#N/A,FALSE,"内訳"}</definedName>
    <definedName name="内訳98" hidden="1">{#N/A,#N/A,FALSE,"内訳"}</definedName>
    <definedName name="内訳99" hidden="1">{#N/A,#N/A,FALSE,"内訳"}</definedName>
    <definedName name="内訳一覧" localSheetId="0">#REF!</definedName>
    <definedName name="内訳一覧">#REF!</definedName>
    <definedName name="内訳書">[94]別紙内訳!#REF!</definedName>
    <definedName name="二次" localSheetId="0">#REF!</definedName>
    <definedName name="二次">#REF!</definedName>
    <definedName name="日平均">#REF!</definedName>
    <definedName name="入力">#REF!</definedName>
    <definedName name="入力項目印刷">#REF!</definedName>
    <definedName name="入力項目表印刷">#REF!</definedName>
    <definedName name="廃材処分費" localSheetId="0">#REF!</definedName>
    <definedName name="廃材処分費">#REF!</definedName>
    <definedName name="排水">[95]排水器具・ﾄﾗｯﾌﾟ!$V$50:$AC$70</definedName>
    <definedName name="排水PS">#REF!</definedName>
    <definedName name="排水器具･ﾄﾗｯﾌﾟ等">[95]排水器具・ﾄﾗｯﾌﾟ!$V$50:$AC$70</definedName>
    <definedName name="配管工" localSheetId="0">#REF!</definedName>
    <definedName name="配管工" localSheetId="4">#REF!</definedName>
    <definedName name="配管工" localSheetId="3">#REF!</definedName>
    <definedName name="配管工" localSheetId="5">#REF!</definedName>
    <definedName name="配管工">#REF!</definedName>
    <definedName name="配線器具">#REF!</definedName>
    <definedName name="配線材料" hidden="1">{"設定1",#N/A,FALSE,"第5号-1";"設定2",#N/A,FALSE,"第5号-1"}</definedName>
    <definedName name="剥離剤" localSheetId="0">#REF!</definedName>
    <definedName name="剥離剤">#REF!</definedName>
    <definedName name="泊まり人件費">#REF!</definedName>
    <definedName name="八戸北2_PAC">#REF!</definedName>
    <definedName name="搬送現場率表">#REF!</definedName>
    <definedName name="板金工">#REF!</definedName>
    <definedName name="番号">#REF!</definedName>
    <definedName name="盤基礎">#REF!</definedName>
    <definedName name="盤名称11">#REF!</definedName>
    <definedName name="盤名称12">#REF!</definedName>
    <definedName name="比較">#REF!</definedName>
    <definedName name="費">'[96]代価表 '!$Z$6</definedName>
    <definedName name="表紙">[97]!印刷</definedName>
    <definedName name="表流水">#REF!</definedName>
    <definedName name="不活性ガス">[3]歩・屋!$W$13</definedName>
    <definedName name="付属品率">#REF!</definedName>
    <definedName name="付帯">[6]付帯!$C$4</definedName>
    <definedName name="普作1">[25]ｹｰﾌﾞﾙ計!#REF!</definedName>
    <definedName name="普通ｾﾒﾝﾄ" localSheetId="0">#REF!</definedName>
    <definedName name="普通ｾﾒﾝﾄ">#REF!</definedName>
    <definedName name="普通ｾﾒﾝﾄ_1000" localSheetId="0">#REF!</definedName>
    <definedName name="普通ｾﾒﾝﾄ_1000">#REF!</definedName>
    <definedName name="普通ｾﾒﾝﾄ50未満" localSheetId="0">#REF!</definedName>
    <definedName name="普通ｾﾒﾝﾄ50未満">#REF!</definedName>
    <definedName name="普通作業員" localSheetId="0">#REF!</definedName>
    <definedName name="普通作業員" localSheetId="4">#REF!</definedName>
    <definedName name="普通作業員" localSheetId="3">#REF!</definedName>
    <definedName name="普通作業員" localSheetId="5">#REF!</definedName>
    <definedName name="普通作業員">#REF!</definedName>
    <definedName name="普通船員">#REF!</definedName>
    <definedName name="部分印刷">[62]表紙!#REF!</definedName>
    <definedName name="副単">#REF!</definedName>
    <definedName name="幅1">#REF!</definedName>
    <definedName name="複合" hidden="1">{"設定1",#N/A,FALSE,"第5号-1";"設定2",#N/A,FALSE,"第5号-1"}</definedName>
    <definedName name="複合工" hidden="1">{"設定1",#N/A,FALSE,"第5号-1";"設定2",#N/A,FALSE,"第5号-1"}</definedName>
    <definedName name="複合工集計表">#REF!</definedName>
    <definedName name="複合工費" localSheetId="0">#REF!</definedName>
    <definedName name="複合工費">#REF!</definedName>
    <definedName name="複合単価_001">#REF!</definedName>
    <definedName name="複合単価_002">#REF!</definedName>
    <definedName name="複合単価_003">#REF!</definedName>
    <definedName name="複合単価_004">#REF!</definedName>
    <definedName name="複合単価_005">#REF!</definedName>
    <definedName name="複合単価_006">#REF!</definedName>
    <definedName name="複合単価_007">#REF!</definedName>
    <definedName name="複合単価_008">#REF!</definedName>
    <definedName name="複合単価_009">#REF!</definedName>
    <definedName name="複合単価_010">#REF!</definedName>
    <definedName name="複合単価_011">#REF!</definedName>
    <definedName name="複合単価_012">#REF!</definedName>
    <definedName name="複合単価_013">#REF!</definedName>
    <definedName name="複合単価_014">#REF!</definedName>
    <definedName name="複合単価_015">#REF!</definedName>
    <definedName name="複合単価_016">#REF!</definedName>
    <definedName name="複合単価_017">#REF!</definedName>
    <definedName name="複合単価_018">#REF!</definedName>
    <definedName name="複合単価_019">#REF!</definedName>
    <definedName name="複合単価_020">#REF!</definedName>
    <definedName name="複合単価_021">#REF!</definedName>
    <definedName name="複合単価_022">#REF!</definedName>
    <definedName name="複合単価_023">#REF!</definedName>
    <definedName name="複合単価_024">#REF!</definedName>
    <definedName name="複合単価_025">#REF!</definedName>
    <definedName name="複合単価_026">#REF!</definedName>
    <definedName name="複合単価_027">#REF!</definedName>
    <definedName name="複合単価_028">#REF!</definedName>
    <definedName name="複合単価_029">#REF!</definedName>
    <definedName name="複合単価_030">#REF!</definedName>
    <definedName name="複合単価_031">#REF!</definedName>
    <definedName name="複合単価_032">#REF!</definedName>
    <definedName name="複合単価_033">#REF!</definedName>
    <definedName name="複合単価_034">#REF!</definedName>
    <definedName name="複合単価_035">#REF!</definedName>
    <definedName name="複合単価_036">#REF!</definedName>
    <definedName name="複合単価_037">#REF!</definedName>
    <definedName name="複合単価_038">#REF!</definedName>
    <definedName name="複合単価_039">#REF!</definedName>
    <definedName name="複合単価_040">#REF!</definedName>
    <definedName name="複合単価_041">#REF!</definedName>
    <definedName name="複合単価_042">#REF!</definedName>
    <definedName name="複合単価_043">#REF!</definedName>
    <definedName name="複合単価_044">#REF!</definedName>
    <definedName name="複合単価_045">#REF!</definedName>
    <definedName name="複合単価_046">#REF!</definedName>
    <definedName name="複合単価_047">#REF!</definedName>
    <definedName name="複合単価_048">#REF!</definedName>
    <definedName name="複合単価_049">#REF!</definedName>
    <definedName name="複合単価_050">#REF!</definedName>
    <definedName name="複合単価_051">#REF!</definedName>
    <definedName name="複合単価_052">#REF!</definedName>
    <definedName name="複合単価表">#REF!</definedName>
    <definedName name="複写">#REF!</definedName>
    <definedName name="複写範囲">#REF!</definedName>
    <definedName name="物価資料価格表">'[98]物価資料価格表(変更後)'!$A$1:$L$65536</definedName>
    <definedName name="分類">[99]機器等据付重量表!$C$7:$C$56,[99]機器等据付重量表!$C$63,[99]機器等据付重量表!$C$63:$C$112,[99]機器等据付重量表!$C$119,[99]機器等据付重量表!$C$119:$C$168,[99]機器等据付重量表!$C$175:$C$224,[99]機器等据付重量表!$C$231,[99]機器等据付重量表!$C$231:$C$280,[99]機器等据付重量表!$C$287,[99]機器等据付重量表!$C$287:$C$336,[99]機器等据付重量表!$C$343,[99]機器等据付重量表!$C$343:$C$392</definedName>
    <definedName name="粉炭費">#REF!</definedName>
    <definedName name="兵庫県都まちづくり部設備課">[100]小項目!#REF!</definedName>
    <definedName name="頁枚数">[24]表紙!#REF!</definedName>
    <definedName name="別途">[6]付帯!$F$3</definedName>
    <definedName name="変更用紙">[79]!印刷</definedName>
    <definedName name="弁類">#REF!</definedName>
    <definedName name="保温工">#REF!</definedName>
    <definedName name="保証方法">#REF!</definedName>
    <definedName name="保存">#N/A</definedName>
    <definedName name="舗装データ" localSheetId="0">#REF!</definedName>
    <definedName name="舗装データ">#REF!</definedName>
    <definedName name="舗装復旧工">#REF!</definedName>
    <definedName name="歩掛け">#REF!</definedName>
    <definedName name="歩掛表">#REF!</definedName>
    <definedName name="補給率">#REF!</definedName>
    <definedName name="補正">#REF!</definedName>
    <definedName name="法面工">#REF!</definedName>
    <definedName name="防水工" localSheetId="0">#REF!</definedName>
    <definedName name="防水工">#REF!</definedName>
    <definedName name="膜ポンプKW">#REF!</definedName>
    <definedName name="膜ろ過原水量">[59]条件!$C$15</definedName>
    <definedName name="膜ろ過棟" hidden="1">{"設定1",#N/A,FALSE,"第5号-1";"設定2",#N/A,FALSE,"第5号-1"}</definedName>
    <definedName name="膜交換費">#REF!</definedName>
    <definedName name="密粒AS" localSheetId="0">#REF!</definedName>
    <definedName name="密粒AS">#REF!</definedName>
    <definedName name="名称">#REF!</definedName>
    <definedName name="面積">#REF!</definedName>
    <definedName name="問い合せ">#REF!</definedName>
    <definedName name="役務" localSheetId="0">#REF!</definedName>
    <definedName name="役務">#REF!</definedName>
    <definedName name="薬注回数">[59]条件!$E$23</definedName>
    <definedName name="薬注時間">[59]条件!$C$24</definedName>
    <definedName name="薬注頻度">[59]条件!$C$23</definedName>
    <definedName name="薬品洗浄費">#REF!</definedName>
    <definedName name="輸送１" localSheetId="0">#REF!</definedName>
    <definedName name="輸送１">#REF!</definedName>
    <definedName name="輸送費" localSheetId="0">#REF!</definedName>
    <definedName name="輸送費">#REF!</definedName>
    <definedName name="予定価格積算書">#REF!</definedName>
    <definedName name="幼児便器">#REF!</definedName>
    <definedName name="擁壁小">[75]工事費内訳表!$H$43</definedName>
    <definedName name="擁壁大">[75]工事費内訳表!$H$69</definedName>
    <definedName name="洋風便器">#REF!</definedName>
    <definedName name="溶接工" localSheetId="0">#REF!</definedName>
    <definedName name="溶接工">#REF!</definedName>
    <definedName name="溶接棒" localSheetId="0">#REF!</definedName>
    <definedName name="溶接棒">#REF!</definedName>
    <definedName name="理事_技師長">#REF!</definedName>
    <definedName name="率元" localSheetId="0">#REF!</definedName>
    <definedName name="率元">#REF!</definedName>
    <definedName name="立案冠記号">[101]Code!#REF!</definedName>
    <definedName name="粒調砕石Mｰ30" localSheetId="0">#REF!</definedName>
    <definedName name="粒調砕石Mｰ30">#REF!</definedName>
    <definedName name="鈴鹿市">#REF!</definedName>
    <definedName name="鈴木" localSheetId="0" hidden="1">{"設定1",#N/A,FALSE,"第5号-1";"設定2",#N/A,FALSE,"第5号-1"}</definedName>
    <definedName name="鈴木" localSheetId="2" hidden="1">{"設定1",#N/A,FALSE,"第5号-1";"設定2",#N/A,FALSE,"第5号-1"}</definedName>
    <definedName name="鈴木" localSheetId="4" hidden="1">{"設定1",#N/A,FALSE,"第5号-1";"設定2",#N/A,FALSE,"第5号-1"}</definedName>
    <definedName name="鈴木" localSheetId="3" hidden="1">{"設定1",#N/A,FALSE,"第5号-1";"設定2",#N/A,FALSE,"第5号-1"}</definedName>
    <definedName name="鈴木" localSheetId="5" hidden="1">{"設定1",#N/A,FALSE,"第5号-1";"設定2",#N/A,FALSE,"第5号-1"}</definedName>
    <definedName name="鈴木" hidden="1">{"設定1",#N/A,FALSE,"第5号-1";"設定2",#N/A,FALSE,"第5号-1"}</definedName>
    <definedName name="鈴木_1" localSheetId="0" hidden="1">{"設定1",#N/A,FALSE,"第5号-1";"設定2",#N/A,FALSE,"第5号-1"}</definedName>
    <definedName name="鈴木_1" hidden="1">{"設定1",#N/A,FALSE,"第5号-1";"設定2",#N/A,FALSE,"第5号-1"}</definedName>
    <definedName name="列数">[59]条件!$C$9</definedName>
    <definedName name="列幅変更">#REF!</definedName>
    <definedName name="路床砕石" localSheetId="0">#REF!</definedName>
    <definedName name="路床砕石">#REF!</definedName>
    <definedName name="労務" localSheetId="0">#REF!</definedName>
    <definedName name="労務">#REF!</definedName>
    <definedName name="労務原価">#REF!</definedName>
    <definedName name="労務単価">#REF!</definedName>
    <definedName name="労務費">#REF!</definedName>
    <definedName name="労務費１">[13]経費計算!#REF!</definedName>
    <definedName name="労務費2">[89]!湯ノ谷印刷</definedName>
    <definedName name="労務表">[102]労務単価コード!$B$2:$E$64</definedName>
    <definedName name="濾過池配線材料" hidden="1">{"設定1",#N/A,FALSE,"第5号-1";"設定2",#N/A,FALSE,"第5号-1"}</definedName>
  </definedNames>
  <calcPr calcId="145621"/>
</workbook>
</file>

<file path=xl/sharedStrings.xml><?xml version="1.0" encoding="utf-8"?>
<sst xmlns="http://schemas.openxmlformats.org/spreadsheetml/2006/main" count="196" uniqueCount="113">
  <si>
    <t>費    目</t>
  </si>
  <si>
    <t>工    種</t>
  </si>
  <si>
    <t>種      別</t>
  </si>
  <si>
    <t>細    別</t>
  </si>
  <si>
    <t>単  位</t>
  </si>
  <si>
    <t>数    量</t>
  </si>
  <si>
    <t>単    価</t>
  </si>
  <si>
    <t>金      額</t>
  </si>
  <si>
    <t>摘        要</t>
  </si>
  <si>
    <t>設  計  書  用  紙</t>
  </si>
  <si>
    <t>計</t>
    <rPh sb="0" eb="1">
      <t>ケイ</t>
    </rPh>
    <phoneticPr fontId="5"/>
  </si>
  <si>
    <t>四日市市上下水道局</t>
    <rPh sb="0" eb="4">
      <t>ヨッカイチシ</t>
    </rPh>
    <rPh sb="4" eb="6">
      <t>ジョウゲ</t>
    </rPh>
    <rPh sb="6" eb="9">
      <t>スイドウキョク</t>
    </rPh>
    <phoneticPr fontId="10"/>
  </si>
  <si>
    <t>委託名</t>
    <rPh sb="0" eb="2">
      <t>イタク</t>
    </rPh>
    <rPh sb="2" eb="3">
      <t>メイ</t>
    </rPh>
    <phoneticPr fontId="10"/>
  </si>
  <si>
    <t>四　日　市　市　上　下　水　道　局</t>
    <rPh sb="0" eb="1">
      <t>ヨン</t>
    </rPh>
    <rPh sb="2" eb="3">
      <t>ヒ</t>
    </rPh>
    <rPh sb="4" eb="5">
      <t>シ</t>
    </rPh>
    <rPh sb="6" eb="7">
      <t>シ</t>
    </rPh>
    <rPh sb="8" eb="9">
      <t>ウエ</t>
    </rPh>
    <rPh sb="10" eb="11">
      <t>シタ</t>
    </rPh>
    <rPh sb="12" eb="13">
      <t>スイ</t>
    </rPh>
    <rPh sb="14" eb="15">
      <t>ドウ</t>
    </rPh>
    <rPh sb="16" eb="17">
      <t>キョク</t>
    </rPh>
    <phoneticPr fontId="10"/>
  </si>
  <si>
    <t>四日市市上下水道局</t>
  </si>
  <si>
    <t>式</t>
    <rPh sb="0" eb="1">
      <t>シキ</t>
    </rPh>
    <phoneticPr fontId="10"/>
  </si>
  <si>
    <t>委託場所</t>
    <rPh sb="0" eb="2">
      <t>イタク</t>
    </rPh>
    <rPh sb="2" eb="4">
      <t>バショ</t>
    </rPh>
    <phoneticPr fontId="10"/>
  </si>
  <si>
    <t>直接人件費</t>
    <rPh sb="0" eb="2">
      <t>チョクセツ</t>
    </rPh>
    <rPh sb="2" eb="5">
      <t>ジンケンヒ</t>
    </rPh>
    <phoneticPr fontId="10"/>
  </si>
  <si>
    <t>業務価格</t>
    <rPh sb="0" eb="2">
      <t>ギョウム</t>
    </rPh>
    <rPh sb="2" eb="4">
      <t>カカク</t>
    </rPh>
    <phoneticPr fontId="10"/>
  </si>
  <si>
    <t>合計</t>
    <rPh sb="0" eb="2">
      <t>ゴウケイ</t>
    </rPh>
    <phoneticPr fontId="5"/>
  </si>
  <si>
    <t>１号明細書</t>
    <rPh sb="1" eb="2">
      <t>ゴウ</t>
    </rPh>
    <rPh sb="2" eb="4">
      <t>メイサイ</t>
    </rPh>
    <rPh sb="4" eb="5">
      <t>ショ</t>
    </rPh>
    <phoneticPr fontId="5"/>
  </si>
  <si>
    <t>業務の種類</t>
    <rPh sb="0" eb="2">
      <t>ギョウム</t>
    </rPh>
    <rPh sb="3" eb="5">
      <t>シュルイ</t>
    </rPh>
    <phoneticPr fontId="5"/>
  </si>
  <si>
    <t>主任技術者</t>
    <rPh sb="0" eb="2">
      <t>シュニン</t>
    </rPh>
    <rPh sb="2" eb="5">
      <t>ギジュツシャ</t>
    </rPh>
    <phoneticPr fontId="5"/>
  </si>
  <si>
    <t>技師長</t>
    <rPh sb="0" eb="3">
      <t>ギシチョウ</t>
    </rPh>
    <phoneticPr fontId="5"/>
  </si>
  <si>
    <t>主任技師</t>
    <rPh sb="0" eb="2">
      <t>シュニン</t>
    </rPh>
    <rPh sb="2" eb="4">
      <t>ギシ</t>
    </rPh>
    <phoneticPr fontId="5"/>
  </si>
  <si>
    <t>技師A</t>
    <rPh sb="0" eb="2">
      <t>ギシ</t>
    </rPh>
    <phoneticPr fontId="5"/>
  </si>
  <si>
    <t>技師B</t>
    <rPh sb="0" eb="2">
      <t>ギシ</t>
    </rPh>
    <phoneticPr fontId="5"/>
  </si>
  <si>
    <t>技師C</t>
    <rPh sb="0" eb="2">
      <t>ギシ</t>
    </rPh>
    <phoneticPr fontId="5"/>
  </si>
  <si>
    <t>技術員</t>
    <rPh sb="0" eb="2">
      <t>ギジュツ</t>
    </rPh>
    <rPh sb="2" eb="3">
      <t>イン</t>
    </rPh>
    <phoneticPr fontId="5"/>
  </si>
  <si>
    <t>第1回打ち合わせ</t>
    <rPh sb="0" eb="1">
      <t>ダイ</t>
    </rPh>
    <rPh sb="2" eb="3">
      <t>カイ</t>
    </rPh>
    <rPh sb="3" eb="4">
      <t>ウ</t>
    </rPh>
    <rPh sb="5" eb="6">
      <t>ア</t>
    </rPh>
    <phoneticPr fontId="5"/>
  </si>
  <si>
    <t>中間打ち合わせ(1回)</t>
    <rPh sb="0" eb="2">
      <t>チュウカン</t>
    </rPh>
    <rPh sb="2" eb="3">
      <t>ウ</t>
    </rPh>
    <rPh sb="4" eb="5">
      <t>ア</t>
    </rPh>
    <rPh sb="9" eb="10">
      <t>カイ</t>
    </rPh>
    <phoneticPr fontId="5"/>
  </si>
  <si>
    <t>最終打ち合わせ</t>
    <rPh sb="0" eb="2">
      <t>サイシュウ</t>
    </rPh>
    <rPh sb="2" eb="3">
      <t>ウ</t>
    </rPh>
    <rPh sb="4" eb="5">
      <t>ア</t>
    </rPh>
    <phoneticPr fontId="5"/>
  </si>
  <si>
    <t>標準日額単価</t>
    <rPh sb="0" eb="2">
      <t>ヒョウジュン</t>
    </rPh>
    <rPh sb="2" eb="3">
      <t>ニチ</t>
    </rPh>
    <rPh sb="3" eb="4">
      <t>ガク</t>
    </rPh>
    <rPh sb="4" eb="6">
      <t>タンカ</t>
    </rPh>
    <phoneticPr fontId="5"/>
  </si>
  <si>
    <t>合計金額</t>
    <rPh sb="0" eb="2">
      <t>ゴウケイ</t>
    </rPh>
    <rPh sb="2" eb="4">
      <t>キンガク</t>
    </rPh>
    <phoneticPr fontId="5"/>
  </si>
  <si>
    <t>２号明細書</t>
    <rPh sb="1" eb="2">
      <t>ゴウ</t>
    </rPh>
    <rPh sb="2" eb="4">
      <t>メイサイ</t>
    </rPh>
    <rPh sb="4" eb="5">
      <t>ショ</t>
    </rPh>
    <phoneticPr fontId="5"/>
  </si>
  <si>
    <t>調査</t>
    <rPh sb="0" eb="2">
      <t>チョウサ</t>
    </rPh>
    <phoneticPr fontId="5"/>
  </si>
  <si>
    <t>作業項目</t>
    <rPh sb="0" eb="2">
      <t>サギョウ</t>
    </rPh>
    <rPh sb="2" eb="4">
      <t>コウモク</t>
    </rPh>
    <phoneticPr fontId="5"/>
  </si>
  <si>
    <t>作業比率</t>
    <rPh sb="0" eb="2">
      <t>サギョウ</t>
    </rPh>
    <rPh sb="2" eb="4">
      <t>ヒリツ</t>
    </rPh>
    <phoneticPr fontId="5"/>
  </si>
  <si>
    <t>設計計画</t>
  </si>
  <si>
    <t>計算</t>
    <rPh sb="0" eb="2">
      <t>ケイサン</t>
    </rPh>
    <phoneticPr fontId="5"/>
  </si>
  <si>
    <t>数量計算</t>
  </si>
  <si>
    <t>審査</t>
  </si>
  <si>
    <t>詳細設計（合計金額）</t>
    <rPh sb="0" eb="2">
      <t>ショウサイ</t>
    </rPh>
    <rPh sb="2" eb="4">
      <t>セッケイ</t>
    </rPh>
    <rPh sb="5" eb="7">
      <t>ゴウケイ</t>
    </rPh>
    <rPh sb="7" eb="9">
      <t>キンガク</t>
    </rPh>
    <phoneticPr fontId="5"/>
  </si>
  <si>
    <t>構造</t>
    <phoneticPr fontId="5"/>
  </si>
  <si>
    <t>機能</t>
    <phoneticPr fontId="5"/>
  </si>
  <si>
    <t>設計図書作成</t>
    <phoneticPr fontId="5"/>
  </si>
  <si>
    <t>設計協議明細書</t>
    <rPh sb="0" eb="2">
      <t>セッケイ</t>
    </rPh>
    <rPh sb="2" eb="4">
      <t>キョウギ</t>
    </rPh>
    <rPh sb="4" eb="7">
      <t>メイサイショ</t>
    </rPh>
    <phoneticPr fontId="5"/>
  </si>
  <si>
    <t>現地調査明細書</t>
    <rPh sb="0" eb="2">
      <t>ゲンチ</t>
    </rPh>
    <rPh sb="2" eb="4">
      <t>チョウサ</t>
    </rPh>
    <rPh sb="4" eb="6">
      <t>メイサイ</t>
    </rPh>
    <rPh sb="6" eb="7">
      <t>ショ</t>
    </rPh>
    <phoneticPr fontId="5"/>
  </si>
  <si>
    <t>標準日額単価</t>
    <phoneticPr fontId="5"/>
  </si>
  <si>
    <t>３号明細書</t>
    <phoneticPr fontId="5"/>
  </si>
  <si>
    <t>対象水量に係る補正率　と　作業比率</t>
    <rPh sb="13" eb="15">
      <t>サギョウ</t>
    </rPh>
    <rPh sb="15" eb="17">
      <t>ヒリツ</t>
    </rPh>
    <phoneticPr fontId="5"/>
  </si>
  <si>
    <t>1号内訳書</t>
    <rPh sb="1" eb="2">
      <t>ゴウ</t>
    </rPh>
    <rPh sb="2" eb="5">
      <t>ウチワケショ</t>
    </rPh>
    <phoneticPr fontId="10"/>
  </si>
  <si>
    <t>設計協議</t>
    <rPh sb="0" eb="2">
      <t>セッケイ</t>
    </rPh>
    <rPh sb="2" eb="4">
      <t>キョウギ</t>
    </rPh>
    <phoneticPr fontId="10"/>
  </si>
  <si>
    <t>現地調査</t>
    <rPh sb="0" eb="2">
      <t>ゲンチ</t>
    </rPh>
    <rPh sb="2" eb="4">
      <t>チョウサ</t>
    </rPh>
    <phoneticPr fontId="10"/>
  </si>
  <si>
    <t>１号明細書</t>
    <rPh sb="1" eb="2">
      <t>ゴウ</t>
    </rPh>
    <rPh sb="2" eb="4">
      <t>メイサイ</t>
    </rPh>
    <rPh sb="4" eb="5">
      <t>ショ</t>
    </rPh>
    <phoneticPr fontId="10"/>
  </si>
  <si>
    <t>２号明細書</t>
    <rPh sb="1" eb="2">
      <t>ゴウ</t>
    </rPh>
    <rPh sb="2" eb="4">
      <t>メイサイ</t>
    </rPh>
    <rPh sb="4" eb="5">
      <t>ショ</t>
    </rPh>
    <phoneticPr fontId="10"/>
  </si>
  <si>
    <t>３号明細書</t>
    <rPh sb="1" eb="2">
      <t>ゴウ</t>
    </rPh>
    <rPh sb="2" eb="4">
      <t>メイサイ</t>
    </rPh>
    <rPh sb="4" eb="5">
      <t>ショ</t>
    </rPh>
    <phoneticPr fontId="10"/>
  </si>
  <si>
    <t>電気詳細設計</t>
    <rPh sb="0" eb="2">
      <t>デンキ</t>
    </rPh>
    <rPh sb="2" eb="4">
      <t>ショウサイ</t>
    </rPh>
    <rPh sb="4" eb="6">
      <t>セッケイ</t>
    </rPh>
    <phoneticPr fontId="10"/>
  </si>
  <si>
    <t>計</t>
    <rPh sb="0" eb="1">
      <t>ケイ</t>
    </rPh>
    <phoneticPr fontId="10"/>
  </si>
  <si>
    <t>２号内訳書</t>
    <rPh sb="1" eb="2">
      <t>ゴウ</t>
    </rPh>
    <rPh sb="2" eb="5">
      <t>ウチワケショ</t>
    </rPh>
    <phoneticPr fontId="10"/>
  </si>
  <si>
    <t>直接経費</t>
    <rPh sb="0" eb="2">
      <t>チョクセツ</t>
    </rPh>
    <rPh sb="2" eb="4">
      <t>ケイヒ</t>
    </rPh>
    <phoneticPr fontId="10"/>
  </si>
  <si>
    <t>旅費交通費</t>
    <rPh sb="0" eb="2">
      <t>リョヒ</t>
    </rPh>
    <rPh sb="2" eb="5">
      <t>コウツウヒ</t>
    </rPh>
    <phoneticPr fontId="10"/>
  </si>
  <si>
    <t>レンタカー</t>
    <phoneticPr fontId="10"/>
  </si>
  <si>
    <t>１号内訳書</t>
    <rPh sb="1" eb="2">
      <t>ゴウ</t>
    </rPh>
    <rPh sb="2" eb="4">
      <t>ウチワケ</t>
    </rPh>
    <rPh sb="4" eb="5">
      <t>ショ</t>
    </rPh>
    <phoneticPr fontId="10"/>
  </si>
  <si>
    <t>２号内訳書</t>
    <phoneticPr fontId="10"/>
  </si>
  <si>
    <t>その他原価</t>
    <rPh sb="2" eb="3">
      <t>タ</t>
    </rPh>
    <rPh sb="3" eb="5">
      <t>ゲンカ</t>
    </rPh>
    <phoneticPr fontId="10"/>
  </si>
  <si>
    <t>業務原価</t>
    <rPh sb="0" eb="2">
      <t>ギョウム</t>
    </rPh>
    <rPh sb="2" eb="4">
      <t>ゲンカ</t>
    </rPh>
    <phoneticPr fontId="10"/>
  </si>
  <si>
    <t>直接人件費＋直接経費＋</t>
    <rPh sb="0" eb="2">
      <t>チョクセツ</t>
    </rPh>
    <rPh sb="2" eb="5">
      <t>ジンケンヒ</t>
    </rPh>
    <rPh sb="6" eb="8">
      <t>チョクセツ</t>
    </rPh>
    <rPh sb="8" eb="10">
      <t>ケイヒ</t>
    </rPh>
    <phoneticPr fontId="10"/>
  </si>
  <si>
    <t>小計</t>
  </si>
  <si>
    <t>TM更新</t>
    <rPh sb="2" eb="4">
      <t>コウシン</t>
    </rPh>
    <phoneticPr fontId="5"/>
  </si>
  <si>
    <t>機能増設</t>
    <rPh sb="0" eb="2">
      <t>キノウ</t>
    </rPh>
    <rPh sb="2" eb="4">
      <t>ゾウセツ</t>
    </rPh>
    <phoneticPr fontId="5"/>
  </si>
  <si>
    <t>ポンプ施設（取水井）</t>
    <rPh sb="3" eb="5">
      <t>シセツ</t>
    </rPh>
    <rPh sb="6" eb="8">
      <t>シュスイ</t>
    </rPh>
    <rPh sb="8" eb="9">
      <t>イ</t>
    </rPh>
    <phoneticPr fontId="5"/>
  </si>
  <si>
    <t>監視更新</t>
    <rPh sb="0" eb="2">
      <t>カンシ</t>
    </rPh>
    <rPh sb="2" eb="4">
      <t>コウシン</t>
    </rPh>
    <phoneticPr fontId="5"/>
  </si>
  <si>
    <t>CRT/MGP</t>
    <phoneticPr fontId="5"/>
  </si>
  <si>
    <t>ポンプ施設(水源地/加圧P)</t>
    <rPh sb="3" eb="5">
      <t>シセツ</t>
    </rPh>
    <rPh sb="6" eb="9">
      <t>スイゲンチ</t>
    </rPh>
    <rPh sb="10" eb="12">
      <t>カアツ</t>
    </rPh>
    <phoneticPr fontId="5"/>
  </si>
  <si>
    <t>PC配水池</t>
    <rPh sb="2" eb="5">
      <t>ハイスイチ</t>
    </rPh>
    <phoneticPr fontId="5"/>
  </si>
  <si>
    <t>一般管理費等</t>
    <rPh sb="0" eb="2">
      <t>イッパン</t>
    </rPh>
    <rPh sb="2" eb="5">
      <t>カンリヒ</t>
    </rPh>
    <rPh sb="5" eb="6">
      <t>ナド</t>
    </rPh>
    <phoneticPr fontId="10"/>
  </si>
  <si>
    <t>土木,建築,機械,電気４工種のうち
5.1*1/4=1.275によらず電気1人*3日</t>
    <rPh sb="0" eb="2">
      <t>ドボク</t>
    </rPh>
    <rPh sb="3" eb="5">
      <t>ケンチク</t>
    </rPh>
    <rPh sb="6" eb="8">
      <t>キカイ</t>
    </rPh>
    <rPh sb="9" eb="11">
      <t>デンキ</t>
    </rPh>
    <rPh sb="12" eb="13">
      <t>コウ</t>
    </rPh>
    <rPh sb="13" eb="14">
      <t>シュ</t>
    </rPh>
    <rPh sb="35" eb="37">
      <t>デンキ</t>
    </rPh>
    <rPh sb="38" eb="39">
      <t>ニン</t>
    </rPh>
    <rPh sb="41" eb="42">
      <t>カ</t>
    </rPh>
    <phoneticPr fontId="5"/>
  </si>
  <si>
    <t>直接原価</t>
    <rPh sb="0" eb="2">
      <t>チョクセツ</t>
    </rPh>
    <rPh sb="2" eb="4">
      <t>ゲンカ</t>
    </rPh>
    <phoneticPr fontId="10"/>
  </si>
  <si>
    <t>水道事業実務必携(H29)
P.214及びP.223より</t>
    <rPh sb="0" eb="2">
      <t>スイドウ</t>
    </rPh>
    <rPh sb="2" eb="4">
      <t>ジギョウ</t>
    </rPh>
    <rPh sb="4" eb="6">
      <t>ジツム</t>
    </rPh>
    <rPh sb="6" eb="8">
      <t>ヒッケイ</t>
    </rPh>
    <rPh sb="19" eb="20">
      <t>オヨ</t>
    </rPh>
    <phoneticPr fontId="5"/>
  </si>
  <si>
    <t>平成</t>
  </si>
  <si>
    <t>年度</t>
  </si>
  <si>
    <t>第　　号</t>
    <rPh sb="0" eb="1">
      <t>ダイ</t>
    </rPh>
    <rPh sb="3" eb="4">
      <t>ゴウ</t>
    </rPh>
    <phoneticPr fontId="52"/>
  </si>
  <si>
    <t>施 工 地 名</t>
    <rPh sb="0" eb="1">
      <t>シ</t>
    </rPh>
    <rPh sb="2" eb="3">
      <t>コウ</t>
    </rPh>
    <rPh sb="4" eb="5">
      <t>チ</t>
    </rPh>
    <rPh sb="6" eb="7">
      <t>ナ</t>
    </rPh>
    <phoneticPr fontId="10"/>
  </si>
  <si>
    <t>審査</t>
    <rPh sb="0" eb="2">
      <t>シンサ</t>
    </rPh>
    <phoneticPr fontId="52"/>
  </si>
  <si>
    <t>平成　　　年　　　月　　　日</t>
    <rPh sb="0" eb="2">
      <t>ヘイセイ</t>
    </rPh>
    <rPh sb="5" eb="6">
      <t>ネン</t>
    </rPh>
    <rPh sb="9" eb="10">
      <t>ガツ</t>
    </rPh>
    <rPh sb="13" eb="14">
      <t>ニチ</t>
    </rPh>
    <phoneticPr fontId="52"/>
  </si>
  <si>
    <t>課長</t>
    <rPh sb="0" eb="2">
      <t>カチョウ</t>
    </rPh>
    <phoneticPr fontId="52"/>
  </si>
  <si>
    <t>課長
補佐</t>
    <rPh sb="0" eb="2">
      <t>カチョウ</t>
    </rPh>
    <rPh sb="3" eb="5">
      <t>ホサ</t>
    </rPh>
    <phoneticPr fontId="52"/>
  </si>
  <si>
    <t>係長</t>
    <rPh sb="0" eb="1">
      <t>カカリ</t>
    </rPh>
    <rPh sb="1" eb="2">
      <t>チョウ</t>
    </rPh>
    <phoneticPr fontId="52"/>
  </si>
  <si>
    <t>工  事  名</t>
    <rPh sb="0" eb="1">
      <t>コウ</t>
    </rPh>
    <rPh sb="3" eb="4">
      <t>ジ</t>
    </rPh>
    <rPh sb="6" eb="7">
      <t>ナ</t>
    </rPh>
    <phoneticPr fontId="10"/>
  </si>
  <si>
    <t>係</t>
    <rPh sb="0" eb="1">
      <t>カカリ</t>
    </rPh>
    <phoneticPr fontId="52"/>
  </si>
  <si>
    <t>工      費</t>
    <rPh sb="0" eb="1">
      <t>コウ</t>
    </rPh>
    <rPh sb="7" eb="8">
      <t>ヒ</t>
    </rPh>
    <phoneticPr fontId="10"/>
  </si>
  <si>
    <t>一金</t>
    <rPh sb="0" eb="1">
      <t>イチ</t>
    </rPh>
    <rPh sb="1" eb="2">
      <t>キン</t>
    </rPh>
    <phoneticPr fontId="52"/>
  </si>
  <si>
    <t>円也</t>
    <rPh sb="0" eb="1">
      <t>エン</t>
    </rPh>
    <rPh sb="1" eb="2">
      <t>ナリ</t>
    </rPh>
    <phoneticPr fontId="52"/>
  </si>
  <si>
    <t>設計</t>
    <rPh sb="0" eb="2">
      <t>セッケイ</t>
    </rPh>
    <phoneticPr fontId="52"/>
  </si>
  <si>
    <t>工      期</t>
    <rPh sb="0" eb="1">
      <t>コウ</t>
    </rPh>
    <rPh sb="7" eb="8">
      <t>キ</t>
    </rPh>
    <phoneticPr fontId="10"/>
  </si>
  <si>
    <t>検算</t>
    <rPh sb="0" eb="2">
      <t>ケンザン</t>
    </rPh>
    <phoneticPr fontId="52"/>
  </si>
  <si>
    <t>契約の日から</t>
    <rPh sb="0" eb="2">
      <t>ケイヤク</t>
    </rPh>
    <rPh sb="3" eb="4">
      <t>ヒ</t>
    </rPh>
    <phoneticPr fontId="52"/>
  </si>
  <si>
    <t>限り</t>
    <rPh sb="0" eb="1">
      <t>カギ</t>
    </rPh>
    <phoneticPr fontId="52"/>
  </si>
  <si>
    <t>　</t>
    <phoneticPr fontId="10"/>
  </si>
  <si>
    <t>工　　　事　　　の　　　概　　　要</t>
    <rPh sb="0" eb="1">
      <t>コウ</t>
    </rPh>
    <rPh sb="4" eb="5">
      <t>コト</t>
    </rPh>
    <rPh sb="12" eb="13">
      <t>オオムネ</t>
    </rPh>
    <rPh sb="16" eb="17">
      <t>ヨウ</t>
    </rPh>
    <phoneticPr fontId="52"/>
  </si>
  <si>
    <t>起　　　工　　　理　　　由</t>
    <rPh sb="0" eb="1">
      <t>オ</t>
    </rPh>
    <rPh sb="4" eb="5">
      <t>コウ</t>
    </rPh>
    <rPh sb="8" eb="9">
      <t>リ</t>
    </rPh>
    <rPh sb="12" eb="13">
      <t>ヨシ</t>
    </rPh>
    <phoneticPr fontId="52"/>
  </si>
  <si>
    <t>設　計　書　用　紙</t>
    <phoneticPr fontId="52"/>
  </si>
  <si>
    <t>委託設計書</t>
    <rPh sb="0" eb="2">
      <t>イタク</t>
    </rPh>
    <rPh sb="2" eb="5">
      <t>セッケイショ</t>
    </rPh>
    <phoneticPr fontId="52"/>
  </si>
  <si>
    <t>　第2期水道施設整備計画に基づき設計業務を実施するものである。</t>
    <phoneticPr fontId="10"/>
  </si>
  <si>
    <t>水道施設南部系監視制御設備更新設計業務委託</t>
    <phoneticPr fontId="10"/>
  </si>
  <si>
    <t>水道施設南部系監視制御設備更新設計業務委託</t>
  </si>
  <si>
    <t>四日市市 尾平町ほか9町 地内</t>
  </si>
  <si>
    <t>津～四日市12人</t>
  </si>
  <si>
    <t xml:space="preserve">バン6時間 </t>
  </si>
  <si>
    <t>整委</t>
    <rPh sb="0" eb="1">
      <t>ヒトシ</t>
    </rPh>
    <rPh sb="1" eb="2">
      <t>イ</t>
    </rPh>
    <phoneticPr fontId="52"/>
  </si>
  <si>
    <t>監視制御設備更新設計業務　　一式
南部系中央監視制御設備及び配水池等遠方監視制御設備更新設計業務
　　対象施設　
　　　水源管理センター、高岡配水池、三滝西水源地、
      笹川団地配水池、 内部水源地、三滝５号井、
      三滝４号井、生桑配水池、平尾取水場、
      水沢谷町配水池、水沢配水池</t>
    <phoneticPr fontId="10"/>
  </si>
  <si>
    <t>四日市市尾平町ほか9町 地内</t>
    <rPh sb="4" eb="6">
      <t>オビラ</t>
    </rPh>
    <rPh sb="6" eb="7">
      <t>チョウ</t>
    </rPh>
    <rPh sb="10" eb="11">
      <t>チョウ</t>
    </rPh>
    <rPh sb="12" eb="13">
      <t>チ</t>
    </rPh>
    <rPh sb="13" eb="14">
      <t>ナイ</t>
    </rPh>
    <phoneticPr fontId="10"/>
  </si>
</sst>
</file>

<file path=xl/styles.xml><?xml version="1.0" encoding="utf-8"?>
<styleSheet xmlns="http://schemas.openxmlformats.org/spreadsheetml/2006/main" xmlns:mc="http://schemas.openxmlformats.org/markup-compatibility/2006" xmlns:x14ac="http://schemas.microsoft.com/office/spreadsheetml/2009/9/ac" mc:Ignorable="x14ac">
  <numFmts count="56">
    <numFmt numFmtId="5" formatCode="&quot;¥&quot;#,##0;&quot;¥&quot;\-#,##0"/>
    <numFmt numFmtId="6" formatCode="&quot;¥&quot;#,##0;[Red]&quot;¥&quot;\-#,##0"/>
    <numFmt numFmtId="8" formatCode="&quot;¥&quot;#,##0.00;[Red]&quot;¥&quot;\-#,##0.00"/>
    <numFmt numFmtId="42" formatCode="_ &quot;¥&quot;* #,##0_ ;_ &quot;¥&quot;* \-#,##0_ ;_ &quot;¥&quot;* &quot;-&quot;_ ;_ @_ "/>
    <numFmt numFmtId="41" formatCode="_ * #,##0_ ;_ * \-#,##0_ ;_ * &quot;-&quot;_ ;_ @_ "/>
    <numFmt numFmtId="176" formatCode="0.00000%"/>
    <numFmt numFmtId="177" formatCode="#,##0.000;[Red]\-#,##0.000"/>
    <numFmt numFmtId="178" formatCode="0.000"/>
    <numFmt numFmtId="179" formatCode="0_ "/>
    <numFmt numFmtId="180" formatCode="#,##0_ "/>
    <numFmt numFmtId="181" formatCode="&quot;[&quot;#,##0&quot;]&quot;"/>
    <numFmt numFmtId="182" formatCode="\(#,##0\)"/>
    <numFmt numFmtId="183" formatCode="#,##0\ &quot;&quot;"/>
    <numFmt numFmtId="184" formatCode="[$-411]ge\.m\.d;@"/>
    <numFmt numFmtId="185" formatCode="#,##0_);[Red]\(#,##0\)"/>
    <numFmt numFmtId="186" formatCode="0.00_ "/>
    <numFmt numFmtId="187" formatCode="#,##0.0_);[Red]\(#,##0.0\)"/>
    <numFmt numFmtId="188" formatCode="&quot;(&quot;#,##0&quot;)&quot;"/>
    <numFmt numFmtId="189" formatCode="#,##0.0"/>
    <numFmt numFmtId="190" formatCode="0.000_ "/>
    <numFmt numFmtId="191" formatCode="hh:mm\ \T\K"/>
    <numFmt numFmtId="192" formatCode=";;;"/>
    <numFmt numFmtId="193" formatCode="_(&quot;$&quot;* #,##0_);_(&quot;$&quot;* \(#,##0\);_(&quot;$&quot;* &quot;-&quot;_);_(@_)"/>
    <numFmt numFmtId="194" formatCode="_(&quot;$&quot;* #,##0.00_);_(&quot;$&quot;* \(#,##0.00\);_(&quot;$&quot;* &quot;-&quot;??_);_(@_)"/>
    <numFmt numFmtId="195" formatCode="mm/dd/yy\ h:mm"/>
    <numFmt numFmtId="196" formatCode="mmmm/dd/yyyy\ h:mm"/>
    <numFmt numFmtId="197" formatCode="_-* #,##0.0_-;\-* #,##0.0_-;_-* &quot;-&quot;??_-;_-@_-"/>
    <numFmt numFmtId="198" formatCode="&quot;¥&quot;#,##0.0;[Red]&quot;¥&quot;\-#,##0.0"/>
    <numFmt numFmtId="199" formatCode="_(* #,##0_);_(* \(#,##0\);_(* &quot;-&quot;??_);_(@_)"/>
    <numFmt numFmtId="200" formatCode="&quot;$&quot;#,##0.00"/>
    <numFmt numFmtId="201" formatCode="#,#00&quot; &quot;"/>
    <numFmt numFmtId="202" formatCode="0.0"/>
    <numFmt numFmtId="203" formatCode="#,##0.0;[Red]\-#,##0.0"/>
    <numFmt numFmtId="204" formatCode="#,##0.0;;"/>
    <numFmt numFmtId="205" formatCode="#,##0.00;;"/>
    <numFmt numFmtId="206" formatCode="#,##0.00_);[Red]\(#,##0.00\)"/>
    <numFmt numFmtId="207" formatCode="&quot;×&quot;0.0"/>
    <numFmt numFmtId="208" formatCode="#,##0.000"/>
    <numFmt numFmtId="209" formatCode="#,##0_);\(#,##0\)"/>
    <numFmt numFmtId="210" formatCode="#,##0.0_);\(#,##0.0\)"/>
    <numFmt numFmtId="211" formatCode="&quot;α=&quot;0.00"/>
    <numFmt numFmtId="212" formatCode="0.0000"/>
    <numFmt numFmtId="213" formatCode="0.0000000000"/>
    <numFmt numFmtId="214" formatCode="[$-411]ggge&quot;年&quot;m&quot;月&quot;d&quot;日&quot;;@"/>
    <numFmt numFmtId="215" formatCode="#,##0\ ;\-#,##0\ ;_ * &quot;- &quot;_ ;_ @_ "/>
    <numFmt numFmtId="216" formatCode="_(&quot;¥&quot;* #,##0_);_(&quot;¥&quot;* \(#,##0\);_(&quot;¥&quot;* &quot;-&quot;??_);_(@_)"/>
    <numFmt numFmtId="217" formatCode="_(* #,##0.00_);_(* \(#,##0.00\);_(* &quot;-&quot;??_);_(@_)"/>
    <numFmt numFmtId="218" formatCode="_(* #,##0_);_(* \(#,##0\);_(* &quot;-&quot;_);_(@_)"/>
    <numFmt numFmtId="219" formatCode="###0"/>
    <numFmt numFmtId="220" formatCode="#,##0\-;&quot;▲&quot;#,##0\-"/>
    <numFmt numFmtId="221" formatCode="&quot;¥&quot;#,##0\-;&quot;¥&quot;&quot;▲&quot;#,##0\-"/>
    <numFmt numFmtId="222" formatCode="#,##0\ ;[Red]\-#,##0\ "/>
    <numFmt numFmtId="223" formatCode="###0.0;[Red]\-###0.0"/>
    <numFmt numFmtId="224" formatCode="###0.00;[Red]\-###0.00"/>
    <numFmt numFmtId="225" formatCode="#,##0.000\ ;[Red]\-#,##0.000\ "/>
    <numFmt numFmtId="226" formatCode="&quot;β=&quot;0.00"/>
  </numFmts>
  <fonts count="95">
    <font>
      <sz val="10"/>
      <name val="ＭＳ 明朝"/>
      <family val="1"/>
      <charset val="128"/>
    </font>
    <font>
      <sz val="11"/>
      <color theme="1"/>
      <name val="ＭＳ Ｐゴシック"/>
      <family val="2"/>
      <charset val="128"/>
      <scheme val="minor"/>
    </font>
    <font>
      <b/>
      <sz val="10"/>
      <name val="ＭＳ 明朝"/>
      <family val="1"/>
      <charset val="128"/>
    </font>
    <font>
      <sz val="10"/>
      <name val="ＭＳ 明朝"/>
      <family val="1"/>
      <charset val="128"/>
    </font>
    <font>
      <sz val="11"/>
      <name val="ＭＳ 明朝"/>
      <family val="1"/>
      <charset val="128"/>
    </font>
    <font>
      <sz val="6"/>
      <name val="ＭＳ Ｐ明朝"/>
      <family val="1"/>
      <charset val="128"/>
    </font>
    <font>
      <sz val="6"/>
      <name val="ＭＳ 明朝"/>
      <family val="1"/>
      <charset val="128"/>
    </font>
    <font>
      <sz val="10"/>
      <name val="ＭＳ Ｐゴシック"/>
      <family val="3"/>
      <charset val="128"/>
    </font>
    <font>
      <sz val="11"/>
      <name val="ＭＳ Ｐ明朝"/>
      <family val="1"/>
      <charset val="128"/>
    </font>
    <font>
      <sz val="12"/>
      <name val="ＭＳ Ｐ明朝"/>
      <family val="1"/>
      <charset val="128"/>
    </font>
    <font>
      <sz val="6"/>
      <name val="ＭＳ Ｐゴシック"/>
      <family val="3"/>
      <charset val="128"/>
    </font>
    <font>
      <sz val="11"/>
      <name val="ＭＳ Ｐゴシック"/>
      <family val="3"/>
      <charset val="128"/>
    </font>
    <font>
      <sz val="12"/>
      <name val="ＭＳ Ｐゴシック"/>
      <family val="3"/>
      <charset val="128"/>
    </font>
    <font>
      <sz val="11"/>
      <color indexed="8"/>
      <name val="ＭＳ ゴシック"/>
      <family val="3"/>
      <charset val="128"/>
    </font>
    <font>
      <sz val="11"/>
      <color indexed="9"/>
      <name val="ＭＳ ゴシック"/>
      <family val="3"/>
      <charset val="128"/>
    </font>
    <font>
      <b/>
      <sz val="18"/>
      <color indexed="56"/>
      <name val="ＭＳ Ｐゴシック"/>
      <family val="3"/>
      <charset val="128"/>
    </font>
    <font>
      <b/>
      <sz val="11"/>
      <color indexed="9"/>
      <name val="ＭＳ ゴシック"/>
      <family val="3"/>
      <charset val="128"/>
    </font>
    <font>
      <sz val="11"/>
      <color indexed="60"/>
      <name val="ＭＳ ゴシック"/>
      <family val="3"/>
      <charset val="128"/>
    </font>
    <font>
      <sz val="11"/>
      <color indexed="52"/>
      <name val="ＭＳ ゴシック"/>
      <family val="3"/>
      <charset val="128"/>
    </font>
    <font>
      <sz val="11"/>
      <color indexed="20"/>
      <name val="ＭＳ ゴシック"/>
      <family val="3"/>
      <charset val="128"/>
    </font>
    <font>
      <b/>
      <sz val="11"/>
      <color indexed="52"/>
      <name val="ＭＳ ゴシック"/>
      <family val="3"/>
      <charset val="128"/>
    </font>
    <font>
      <sz val="11"/>
      <color indexed="10"/>
      <name val="ＭＳ ゴシック"/>
      <family val="3"/>
      <charset val="128"/>
    </font>
    <font>
      <b/>
      <sz val="15"/>
      <color indexed="56"/>
      <name val="ＭＳ ゴシック"/>
      <family val="3"/>
      <charset val="128"/>
    </font>
    <font>
      <b/>
      <sz val="13"/>
      <color indexed="56"/>
      <name val="ＭＳ ゴシック"/>
      <family val="3"/>
      <charset val="128"/>
    </font>
    <font>
      <b/>
      <sz val="11"/>
      <color indexed="56"/>
      <name val="ＭＳ ゴシック"/>
      <family val="3"/>
      <charset val="128"/>
    </font>
    <font>
      <b/>
      <sz val="11"/>
      <color indexed="8"/>
      <name val="ＭＳ ゴシック"/>
      <family val="3"/>
      <charset val="128"/>
    </font>
    <font>
      <b/>
      <sz val="11"/>
      <color indexed="63"/>
      <name val="ＭＳ ゴシック"/>
      <family val="3"/>
      <charset val="128"/>
    </font>
    <font>
      <i/>
      <sz val="11"/>
      <color indexed="23"/>
      <name val="ＭＳ ゴシック"/>
      <family val="3"/>
      <charset val="128"/>
    </font>
    <font>
      <sz val="11"/>
      <color indexed="62"/>
      <name val="ＭＳ ゴシック"/>
      <family val="3"/>
      <charset val="128"/>
    </font>
    <font>
      <sz val="11"/>
      <name val="明朝"/>
      <family val="1"/>
      <charset val="128"/>
    </font>
    <font>
      <sz val="11"/>
      <color indexed="17"/>
      <name val="ＭＳ ゴシック"/>
      <family val="3"/>
      <charset val="128"/>
    </font>
    <font>
      <sz val="14"/>
      <name val="ＭＳ 明朝"/>
      <family val="1"/>
      <charset val="128"/>
    </font>
    <font>
      <sz val="10"/>
      <name val="Arial"/>
      <family val="2"/>
    </font>
    <font>
      <sz val="10"/>
      <name val="明朝"/>
      <family val="1"/>
      <charset val="128"/>
    </font>
    <font>
      <b/>
      <sz val="12"/>
      <name val="Helv"/>
      <family val="2"/>
    </font>
    <font>
      <sz val="10"/>
      <color indexed="8"/>
      <name val="Arial"/>
      <family val="2"/>
    </font>
    <font>
      <u/>
      <sz val="10"/>
      <color indexed="14"/>
      <name val="MS Sans Serif"/>
      <family val="2"/>
    </font>
    <font>
      <sz val="8"/>
      <name val="Arial"/>
      <family val="2"/>
    </font>
    <font>
      <b/>
      <sz val="12"/>
      <name val="Arial"/>
      <family val="2"/>
    </font>
    <font>
      <u/>
      <sz val="8"/>
      <color indexed="12"/>
      <name val="Times New Roman"/>
      <family val="1"/>
    </font>
    <font>
      <sz val="9"/>
      <name val="Times New Roman"/>
      <family val="1"/>
    </font>
    <font>
      <sz val="14"/>
      <name val="Terminal"/>
      <family val="3"/>
      <charset val="255"/>
    </font>
    <font>
      <b/>
      <sz val="11"/>
      <name val="Helv"/>
      <family val="2"/>
    </font>
    <font>
      <sz val="10"/>
      <name val="Helv"/>
      <family val="2"/>
    </font>
    <font>
      <sz val="16"/>
      <name val="ＭＳ 明朝"/>
      <family val="1"/>
      <charset val="128"/>
    </font>
    <font>
      <sz val="7"/>
      <name val="ＭＳ ゴシック"/>
      <family val="3"/>
      <charset val="128"/>
    </font>
    <font>
      <sz val="7"/>
      <name val="ＭＳ Ｐゴシック"/>
      <family val="3"/>
      <charset val="128"/>
    </font>
    <font>
      <b/>
      <sz val="16"/>
      <name val="ＭＳ Ｐゴシック"/>
      <family val="3"/>
      <charset val="128"/>
    </font>
    <font>
      <sz val="12"/>
      <name val="ＭＳ 明朝"/>
      <family val="1"/>
      <charset val="128"/>
    </font>
    <font>
      <sz val="9"/>
      <name val="ＭＳ 明朝"/>
      <family val="1"/>
      <charset val="128"/>
    </font>
    <font>
      <sz val="8"/>
      <name val="ＭＳ 明朝"/>
      <family val="1"/>
      <charset val="128"/>
    </font>
    <font>
      <sz val="11"/>
      <color theme="1"/>
      <name val="ＭＳ Ｐゴシック"/>
      <family val="3"/>
      <charset val="128"/>
      <scheme val="minor"/>
    </font>
    <font>
      <sz val="6"/>
      <name val="ＭＳ 明朝"/>
      <family val="2"/>
      <charset val="128"/>
    </font>
    <font>
      <sz val="20"/>
      <name val="ＭＳ 明朝"/>
      <family val="1"/>
      <charset val="128"/>
    </font>
    <font>
      <sz val="22"/>
      <name val="ＭＳ 明朝"/>
      <family val="1"/>
      <charset val="128"/>
    </font>
    <font>
      <sz val="11"/>
      <color theme="1"/>
      <name val="ＭＳ 明朝"/>
      <family val="1"/>
      <charset val="128"/>
    </font>
    <font>
      <sz val="11"/>
      <name val="¾©"/>
      <family val="1"/>
    </font>
    <font>
      <sz val="11"/>
      <color indexed="8"/>
      <name val="ＭＳ Ｐゴシック"/>
      <family val="3"/>
      <charset val="128"/>
    </font>
    <font>
      <sz val="11"/>
      <color indexed="9"/>
      <name val="ＭＳ Ｐゴシック"/>
      <family val="3"/>
      <charset val="128"/>
    </font>
    <font>
      <sz val="12"/>
      <name val="Arial"/>
      <family val="2"/>
    </font>
    <font>
      <sz val="12"/>
      <name val="ＭＳ ゴシック"/>
      <family val="3"/>
      <charset val="128"/>
    </font>
    <font>
      <sz val="10"/>
      <name val="ＭＳ ゴシック"/>
      <family val="3"/>
      <charset val="128"/>
    </font>
    <font>
      <sz val="11"/>
      <name val="Times New Roman"/>
      <family val="1"/>
    </font>
    <font>
      <sz val="10"/>
      <name val="MS Sans Serif"/>
      <family val="2"/>
    </font>
    <font>
      <b/>
      <sz val="10"/>
      <name val="MS Sans Serif"/>
      <family val="2"/>
    </font>
    <font>
      <sz val="8"/>
      <color indexed="16"/>
      <name val="Century Schoolbook"/>
      <family val="1"/>
    </font>
    <font>
      <b/>
      <i/>
      <sz val="10"/>
      <name val="Times New Roman"/>
      <family val="1"/>
    </font>
    <font>
      <sz val="14"/>
      <color indexed="8"/>
      <name val="ＭＳ 明朝"/>
      <family val="1"/>
      <charset val="128"/>
    </font>
    <font>
      <b/>
      <sz val="9"/>
      <name val="Times New Roman"/>
      <family val="1"/>
    </font>
    <font>
      <b/>
      <sz val="11"/>
      <color indexed="9"/>
      <name val="ＭＳ Ｐゴシック"/>
      <family val="3"/>
      <charset val="128"/>
    </font>
    <font>
      <sz val="11"/>
      <color indexed="60"/>
      <name val="ＭＳ Ｐゴシック"/>
      <family val="3"/>
      <charset val="128"/>
    </font>
    <font>
      <sz val="11"/>
      <color indexed="10"/>
      <name val="ＭＳ 明朝"/>
      <family val="1"/>
      <charset val="128"/>
    </font>
    <font>
      <sz val="11"/>
      <color indexed="52"/>
      <name val="ＭＳ Ｐゴシック"/>
      <family val="3"/>
      <charset val="128"/>
    </font>
    <font>
      <sz val="11"/>
      <color indexed="20"/>
      <name val="ＭＳ Ｐゴシック"/>
      <family val="3"/>
      <charset val="128"/>
    </font>
    <font>
      <sz val="12"/>
      <name val="Times New Roman"/>
      <family val="1"/>
    </font>
    <font>
      <b/>
      <sz val="16"/>
      <color indexed="8"/>
      <name val="ＭＳ Ｐゴシック"/>
      <family val="3"/>
      <charset val="128"/>
    </font>
    <font>
      <b/>
      <sz val="11"/>
      <color indexed="52"/>
      <name val="ＭＳ Ｐゴシック"/>
      <family val="3"/>
      <charset val="128"/>
    </font>
    <font>
      <sz val="11"/>
      <color indexed="10"/>
      <name val="ＭＳ Ｐゴシック"/>
      <family val="3"/>
      <charset val="128"/>
    </font>
    <font>
      <sz val="11"/>
      <name val="ＪＳ明朝"/>
      <family val="1"/>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sz val="9"/>
      <name val="細明朝体"/>
      <family val="3"/>
      <charset val="128"/>
    </font>
    <font>
      <b/>
      <sz val="11"/>
      <color indexed="8"/>
      <name val="ＭＳ Ｐゴシック"/>
      <family val="3"/>
      <charset val="128"/>
    </font>
    <font>
      <b/>
      <sz val="11"/>
      <color indexed="63"/>
      <name val="ＭＳ Ｐゴシック"/>
      <family val="3"/>
      <charset val="128"/>
    </font>
    <font>
      <sz val="16"/>
      <color indexed="8"/>
      <name val="ＭＳ Ｐゴシック"/>
      <family val="3"/>
      <charset val="128"/>
    </font>
    <font>
      <sz val="9"/>
      <name val="明朝"/>
      <family val="1"/>
      <charset val="128"/>
    </font>
    <font>
      <i/>
      <sz val="11"/>
      <color indexed="23"/>
      <name val="ＭＳ Ｐゴシック"/>
      <family val="3"/>
      <charset val="128"/>
    </font>
    <font>
      <sz val="14"/>
      <name val="ＭＳ ゴシック"/>
      <family val="3"/>
      <charset val="128"/>
    </font>
    <font>
      <sz val="16"/>
      <name val="ＭＳ ゴシック"/>
      <family val="3"/>
      <charset val="128"/>
    </font>
    <font>
      <sz val="20"/>
      <name val="ＭＳ ゴシック"/>
      <family val="3"/>
      <charset val="128"/>
    </font>
    <font>
      <sz val="12"/>
      <name val="明朝"/>
      <family val="1"/>
      <charset val="128"/>
    </font>
    <font>
      <sz val="11"/>
      <color indexed="62"/>
      <name val="ＭＳ Ｐゴシック"/>
      <family val="3"/>
      <charset val="128"/>
    </font>
    <font>
      <sz val="8"/>
      <name val="明朝"/>
      <family val="1"/>
      <charset val="128"/>
    </font>
    <font>
      <sz val="11"/>
      <color indexed="17"/>
      <name val="ＭＳ Ｐゴシック"/>
      <family val="3"/>
      <charset val="128"/>
    </font>
  </fonts>
  <fills count="31">
    <fill>
      <patternFill patternType="none"/>
    </fill>
    <fill>
      <patternFill patternType="gray125"/>
    </fill>
    <fill>
      <patternFill patternType="solid">
        <fgColor indexed="4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9"/>
        <bgColor indexed="64"/>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3"/>
        <bgColor indexed="64"/>
      </patternFill>
    </fill>
    <fill>
      <patternFill patternType="solid">
        <fgColor indexed="9"/>
        <bgColor indexed="9"/>
      </patternFill>
    </fill>
    <fill>
      <patternFill patternType="solid">
        <fgColor indexed="9"/>
      </patternFill>
    </fill>
  </fills>
  <borders count="86">
    <border>
      <left/>
      <right/>
      <top/>
      <bottom/>
      <diagonal/>
    </border>
    <border>
      <left style="thin">
        <color indexed="64"/>
      </left>
      <right/>
      <top/>
      <bottom style="hair">
        <color indexed="64"/>
      </bottom>
      <diagonal/>
    </border>
    <border>
      <left/>
      <right/>
      <top style="medium">
        <color indexed="64"/>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top/>
      <bottom style="medium">
        <color indexed="64"/>
      </bottom>
      <diagonal/>
    </border>
    <border>
      <left style="thin">
        <color indexed="64"/>
      </left>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thin">
        <color indexed="64"/>
      </left>
      <right/>
      <top style="hair">
        <color indexed="64"/>
      </top>
      <bottom/>
      <diagonal/>
    </border>
    <border>
      <left/>
      <right/>
      <top style="thin">
        <color indexed="64"/>
      </top>
      <bottom style="hair">
        <color indexed="64"/>
      </bottom>
      <diagonal/>
    </border>
    <border>
      <left style="hair">
        <color indexed="64"/>
      </left>
      <right/>
      <top style="hair">
        <color indexed="64"/>
      </top>
      <bottom/>
      <diagonal/>
    </border>
    <border>
      <left style="hair">
        <color indexed="64"/>
      </left>
      <right/>
      <top/>
      <bottom/>
      <diagonal/>
    </border>
    <border>
      <left style="hair">
        <color indexed="64"/>
      </left>
      <right/>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thin">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thin">
        <color indexed="64"/>
      </top>
      <bottom style="hair">
        <color indexed="64"/>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thin">
        <color indexed="64"/>
      </top>
      <bottom/>
      <diagonal/>
    </border>
    <border>
      <left/>
      <right style="hair">
        <color indexed="64"/>
      </right>
      <top style="hair">
        <color indexed="64"/>
      </top>
      <bottom/>
      <diagonal/>
    </border>
    <border>
      <left style="thin">
        <color indexed="64"/>
      </left>
      <right/>
      <top style="hair">
        <color indexed="64"/>
      </top>
      <bottom style="hair">
        <color indexed="64"/>
      </bottom>
      <diagonal/>
    </border>
    <border>
      <left style="thin">
        <color indexed="64"/>
      </left>
      <right/>
      <top style="hair">
        <color indexed="64"/>
      </top>
      <bottom style="thin">
        <color indexed="64"/>
      </bottom>
      <diagonal/>
    </border>
    <border>
      <left style="thin">
        <color indexed="64"/>
      </left>
      <right/>
      <top style="thin">
        <color indexed="64"/>
      </top>
      <bottom style="hair">
        <color indexed="64"/>
      </bottom>
      <diagonal/>
    </border>
    <border>
      <left style="thin">
        <color indexed="64"/>
      </left>
      <right style="hair">
        <color indexed="64"/>
      </right>
      <top style="thin">
        <color indexed="64"/>
      </top>
      <bottom style="thin">
        <color indexed="64"/>
      </bottom>
      <diagonal/>
    </border>
    <border>
      <left/>
      <right style="hair">
        <color indexed="64"/>
      </right>
      <top/>
      <bottom style="hair">
        <color indexed="64"/>
      </bottom>
      <diagonal/>
    </border>
    <border>
      <left style="hair">
        <color indexed="64"/>
      </left>
      <right/>
      <top/>
      <bottom style="thin">
        <color indexed="64"/>
      </bottom>
      <diagonal/>
    </border>
    <border>
      <left/>
      <right style="hair">
        <color indexed="64"/>
      </right>
      <top/>
      <bottom style="thin">
        <color indexed="64"/>
      </bottom>
      <diagonal/>
    </border>
    <border>
      <left style="thin">
        <color indexed="64"/>
      </left>
      <right style="hair">
        <color indexed="64"/>
      </right>
      <top style="thin">
        <color indexed="64"/>
      </top>
      <bottom/>
      <diagonal/>
    </border>
    <border>
      <left/>
      <right/>
      <top style="thin">
        <color auto="1"/>
      </top>
      <bottom/>
      <diagonal/>
    </border>
    <border>
      <left/>
      <right/>
      <top/>
      <bottom style="hair">
        <color indexed="64"/>
      </bottom>
      <diagonal/>
    </border>
    <border>
      <left style="thin">
        <color indexed="64"/>
      </left>
      <right style="thin">
        <color indexed="64"/>
      </right>
      <top style="hair">
        <color indexed="64"/>
      </top>
      <bottom style="hair">
        <color indexed="64"/>
      </bottom>
      <diagonal/>
    </border>
    <border>
      <left/>
      <right/>
      <top style="hair">
        <color indexed="64"/>
      </top>
      <bottom/>
      <diagonal/>
    </border>
    <border>
      <left/>
      <right style="hair">
        <color indexed="64"/>
      </right>
      <top/>
      <bottom/>
      <diagonal/>
    </border>
    <border>
      <left/>
      <right style="thin">
        <color indexed="64"/>
      </right>
      <top style="hair">
        <color indexed="64"/>
      </top>
      <bottom/>
      <diagonal/>
    </border>
    <border>
      <left/>
      <right style="thin">
        <color indexed="64"/>
      </right>
      <top/>
      <bottom style="hair">
        <color indexed="64"/>
      </bottom>
      <diagonal/>
    </border>
    <border>
      <left style="hair">
        <color indexed="12"/>
      </left>
      <right/>
      <top/>
      <bottom style="hair">
        <color indexed="12"/>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style="dotted">
        <color indexed="64"/>
      </left>
      <right style="dotted">
        <color indexed="64"/>
      </right>
      <top style="dotted">
        <color indexed="64"/>
      </top>
      <bottom style="dotted">
        <color indexed="64"/>
      </bottom>
      <diagonal/>
    </border>
    <border>
      <left style="medium">
        <color indexed="64"/>
      </left>
      <right/>
      <top style="medium">
        <color indexed="64"/>
      </top>
      <bottom style="thin">
        <color indexed="64"/>
      </bottom>
      <diagonal/>
    </border>
  </borders>
  <cellStyleXfs count="285">
    <xf numFmtId="0" fontId="0" fillId="0" borderId="0"/>
    <xf numFmtId="193" fontId="32" fillId="0" borderId="0" applyFont="0" applyFill="0" applyBorder="0" applyAlignment="0" applyProtection="0"/>
    <xf numFmtId="194" fontId="32" fillId="0" borderId="0" applyFont="0" applyFill="0" applyBorder="0" applyAlignment="0" applyProtection="0"/>
    <xf numFmtId="0" fontId="32" fillId="0" borderId="0" applyFont="0" applyFill="0" applyBorder="0" applyAlignment="0" applyProtection="0"/>
    <xf numFmtId="0" fontId="32" fillId="0" borderId="0" applyFont="0" applyFill="0" applyBorder="0" applyAlignment="0" applyProtection="0"/>
    <xf numFmtId="0" fontId="32" fillId="0" borderId="0"/>
    <xf numFmtId="9" fontId="32" fillId="2" borderId="0"/>
    <xf numFmtId="178" fontId="33" fillId="0" borderId="1" applyFont="0" applyFill="0" applyBorder="0" applyAlignment="0" applyProtection="0"/>
    <xf numFmtId="0" fontId="13" fillId="3" borderId="0" applyNumberFormat="0" applyBorder="0" applyAlignment="0" applyProtection="0">
      <alignment vertical="center"/>
    </xf>
    <xf numFmtId="0" fontId="13" fillId="4" borderId="0" applyNumberFormat="0" applyBorder="0" applyAlignment="0" applyProtection="0">
      <alignment vertical="center"/>
    </xf>
    <xf numFmtId="0" fontId="13" fillId="5" borderId="0" applyNumberFormat="0" applyBorder="0" applyAlignment="0" applyProtection="0">
      <alignment vertical="center"/>
    </xf>
    <xf numFmtId="0" fontId="13" fillId="6" borderId="0" applyNumberFormat="0" applyBorder="0" applyAlignment="0" applyProtection="0">
      <alignment vertical="center"/>
    </xf>
    <xf numFmtId="0" fontId="13" fillId="7" borderId="0" applyNumberFormat="0" applyBorder="0" applyAlignment="0" applyProtection="0">
      <alignment vertical="center"/>
    </xf>
    <xf numFmtId="0" fontId="13" fillId="8" borderId="0" applyNumberFormat="0" applyBorder="0" applyAlignment="0" applyProtection="0">
      <alignment vertical="center"/>
    </xf>
    <xf numFmtId="0" fontId="13" fillId="9" borderId="0" applyNumberFormat="0" applyBorder="0" applyAlignment="0" applyProtection="0">
      <alignment vertical="center"/>
    </xf>
    <xf numFmtId="0" fontId="13" fillId="10" borderId="0" applyNumberFormat="0" applyBorder="0" applyAlignment="0" applyProtection="0">
      <alignment vertical="center"/>
    </xf>
    <xf numFmtId="0" fontId="13" fillId="11" borderId="0" applyNumberFormat="0" applyBorder="0" applyAlignment="0" applyProtection="0">
      <alignment vertical="center"/>
    </xf>
    <xf numFmtId="0" fontId="13" fillId="6" borderId="0" applyNumberFormat="0" applyBorder="0" applyAlignment="0" applyProtection="0">
      <alignment vertical="center"/>
    </xf>
    <xf numFmtId="0" fontId="13" fillId="9" borderId="0" applyNumberFormat="0" applyBorder="0" applyAlignment="0" applyProtection="0">
      <alignment vertical="center"/>
    </xf>
    <xf numFmtId="0" fontId="13" fillId="12" borderId="0" applyNumberFormat="0" applyBorder="0" applyAlignment="0" applyProtection="0">
      <alignment vertical="center"/>
    </xf>
    <xf numFmtId="0" fontId="14" fillId="13" borderId="0" applyNumberFormat="0" applyBorder="0" applyAlignment="0" applyProtection="0">
      <alignment vertical="center"/>
    </xf>
    <xf numFmtId="0" fontId="14" fillId="10" borderId="0" applyNumberFormat="0" applyBorder="0" applyAlignment="0" applyProtection="0">
      <alignment vertical="center"/>
    </xf>
    <xf numFmtId="0" fontId="14" fillId="11" borderId="0" applyNumberFormat="0" applyBorder="0" applyAlignment="0" applyProtection="0">
      <alignment vertical="center"/>
    </xf>
    <xf numFmtId="0" fontId="14" fillId="14" borderId="0" applyNumberFormat="0" applyBorder="0" applyAlignment="0" applyProtection="0">
      <alignment vertical="center"/>
    </xf>
    <xf numFmtId="0" fontId="14" fillId="15" borderId="0" applyNumberFormat="0" applyBorder="0" applyAlignment="0" applyProtection="0">
      <alignment vertical="center"/>
    </xf>
    <xf numFmtId="0" fontId="14" fillId="16" borderId="0" applyNumberFormat="0" applyBorder="0" applyAlignment="0" applyProtection="0">
      <alignment vertical="center"/>
    </xf>
    <xf numFmtId="189" fontId="11" fillId="0" borderId="0" applyFill="0" applyBorder="0" applyAlignment="0"/>
    <xf numFmtId="196" fontId="11" fillId="0" borderId="0" applyFill="0" applyBorder="0" applyAlignment="0"/>
    <xf numFmtId="195" fontId="11" fillId="0" borderId="0" applyFill="0" applyBorder="0" applyAlignment="0"/>
    <xf numFmtId="0" fontId="32" fillId="0" borderId="0" applyFill="0" applyBorder="0" applyAlignment="0"/>
    <xf numFmtId="0" fontId="32" fillId="0" borderId="0" applyFill="0" applyBorder="0" applyAlignment="0"/>
    <xf numFmtId="195" fontId="11" fillId="0" borderId="0" applyFill="0" applyBorder="0" applyAlignment="0"/>
    <xf numFmtId="0" fontId="32" fillId="0" borderId="0" applyFill="0" applyBorder="0" applyAlignment="0"/>
    <xf numFmtId="196" fontId="11" fillId="0" borderId="0" applyFill="0" applyBorder="0" applyAlignment="0"/>
    <xf numFmtId="0" fontId="32" fillId="0" borderId="0" applyFont="0" applyFill="0" applyBorder="0" applyAlignment="0" applyProtection="0"/>
    <xf numFmtId="195" fontId="11" fillId="0" borderId="0" applyFont="0" applyFill="0" applyBorder="0" applyAlignment="0" applyProtection="0"/>
    <xf numFmtId="197" fontId="32" fillId="0" borderId="0" applyFont="0" applyFill="0" applyBorder="0" applyAlignment="0" applyProtection="0"/>
    <xf numFmtId="0" fontId="32" fillId="0" borderId="0" applyFont="0" applyFill="0" applyBorder="0" applyAlignment="0" applyProtection="0"/>
    <xf numFmtId="196" fontId="11" fillId="0" borderId="0" applyFont="0" applyFill="0" applyBorder="0" applyAlignment="0" applyProtection="0"/>
    <xf numFmtId="0" fontId="32" fillId="0" borderId="0" applyFont="0" applyFill="0" applyBorder="0" applyAlignment="0" applyProtection="0"/>
    <xf numFmtId="0" fontId="34" fillId="0" borderId="2" applyNumberFormat="0" applyBorder="0">
      <alignment horizontal="centerContinuous"/>
    </xf>
    <xf numFmtId="14" fontId="35" fillId="0" borderId="0" applyFill="0" applyBorder="0" applyAlignment="0"/>
    <xf numFmtId="195" fontId="11" fillId="0" borderId="0" applyFill="0" applyBorder="0" applyAlignment="0"/>
    <xf numFmtId="196" fontId="11" fillId="0" borderId="0" applyFill="0" applyBorder="0" applyAlignment="0"/>
    <xf numFmtId="195" fontId="11" fillId="0" borderId="0" applyFill="0" applyBorder="0" applyAlignment="0"/>
    <xf numFmtId="0" fontId="32" fillId="0" borderId="0" applyFill="0" applyBorder="0" applyAlignment="0"/>
    <xf numFmtId="196" fontId="11" fillId="0" borderId="0" applyFill="0" applyBorder="0" applyAlignment="0"/>
    <xf numFmtId="0" fontId="36" fillId="0" borderId="0" applyNumberFormat="0" applyFill="0" applyBorder="0" applyAlignment="0" applyProtection="0"/>
    <xf numFmtId="38" fontId="37" fillId="17" borderId="0" applyNumberFormat="0" applyBorder="0" applyAlignment="0" applyProtection="0"/>
    <xf numFmtId="0" fontId="38" fillId="0" borderId="3" applyNumberFormat="0" applyAlignment="0" applyProtection="0">
      <alignment horizontal="left" vertical="center"/>
    </xf>
    <xf numFmtId="0" fontId="38" fillId="0" borderId="4">
      <alignment horizontal="left" vertical="center"/>
    </xf>
    <xf numFmtId="0" fontId="39" fillId="0" borderId="0" applyNumberFormat="0" applyFill="0" applyBorder="0" applyAlignment="0" applyProtection="0">
      <alignment vertical="top"/>
      <protection locked="0"/>
    </xf>
    <xf numFmtId="10" fontId="37" fillId="18" borderId="5" applyNumberFormat="0" applyBorder="0" applyAlignment="0" applyProtection="0"/>
    <xf numFmtId="195" fontId="11" fillId="0" borderId="0" applyFill="0" applyBorder="0" applyAlignment="0"/>
    <xf numFmtId="196" fontId="11" fillId="0" borderId="0" applyFill="0" applyBorder="0" applyAlignment="0"/>
    <xf numFmtId="195" fontId="11" fillId="0" borderId="0" applyFill="0" applyBorder="0" applyAlignment="0"/>
    <xf numFmtId="0" fontId="32" fillId="0" borderId="0" applyFill="0" applyBorder="0" applyAlignment="0"/>
    <xf numFmtId="196" fontId="11" fillId="0" borderId="0" applyFill="0" applyBorder="0" applyAlignment="0"/>
    <xf numFmtId="2" fontId="40" fillId="19" borderId="0"/>
    <xf numFmtId="176" fontId="7" fillId="0" borderId="0"/>
    <xf numFmtId="0" fontId="32" fillId="0" borderId="0"/>
    <xf numFmtId="188" fontId="41" fillId="0" borderId="0" applyFont="0" applyFill="0" applyBorder="0" applyAlignment="0" applyProtection="0"/>
    <xf numFmtId="186" fontId="41" fillId="0" borderId="0" applyFont="0" applyFill="0" applyBorder="0" applyAlignment="0" applyProtection="0"/>
    <xf numFmtId="0" fontId="32" fillId="0" borderId="0" applyFont="0" applyFill="0" applyBorder="0" applyAlignment="0" applyProtection="0"/>
    <xf numFmtId="197" fontId="32" fillId="0" borderId="0" applyFont="0" applyFill="0" applyBorder="0" applyAlignment="0" applyProtection="0"/>
    <xf numFmtId="10" fontId="32" fillId="0" borderId="0" applyFont="0" applyFill="0" applyBorder="0" applyAlignment="0" applyProtection="0"/>
    <xf numFmtId="0" fontId="32" fillId="0" borderId="0" applyFont="0" applyFill="0" applyBorder="0" applyAlignment="0" applyProtection="0"/>
    <xf numFmtId="195" fontId="11" fillId="0" borderId="0" applyFill="0" applyBorder="0" applyAlignment="0"/>
    <xf numFmtId="196" fontId="11" fillId="0" borderId="0" applyFill="0" applyBorder="0" applyAlignment="0"/>
    <xf numFmtId="195" fontId="11" fillId="0" borderId="0" applyFill="0" applyBorder="0" applyAlignment="0"/>
    <xf numFmtId="0" fontId="32" fillId="0" borderId="0" applyFill="0" applyBorder="0" applyAlignment="0"/>
    <xf numFmtId="196" fontId="11" fillId="0" borderId="0" applyFill="0" applyBorder="0" applyAlignment="0"/>
    <xf numFmtId="0" fontId="42" fillId="0" borderId="0"/>
    <xf numFmtId="49" fontId="35" fillId="0" borderId="0" applyFill="0" applyBorder="0" applyAlignment="0"/>
    <xf numFmtId="0" fontId="32" fillId="0" borderId="0" applyFill="0" applyBorder="0" applyAlignment="0"/>
    <xf numFmtId="0" fontId="32" fillId="0" borderId="0" applyFill="0" applyBorder="0" applyAlignment="0"/>
    <xf numFmtId="198" fontId="41" fillId="0" borderId="0" applyFont="0" applyFill="0" applyBorder="0" applyAlignment="0" applyProtection="0"/>
    <xf numFmtId="190" fontId="41" fillId="0" borderId="0" applyFont="0" applyFill="0" applyBorder="0" applyAlignment="0" applyProtection="0"/>
    <xf numFmtId="0" fontId="14" fillId="20" borderId="0" applyNumberFormat="0" applyBorder="0" applyAlignment="0" applyProtection="0">
      <alignment vertical="center"/>
    </xf>
    <xf numFmtId="0" fontId="14" fillId="21" borderId="0" applyNumberFormat="0" applyBorder="0" applyAlignment="0" applyProtection="0">
      <alignment vertical="center"/>
    </xf>
    <xf numFmtId="0" fontId="14" fillId="22" borderId="0" applyNumberFormat="0" applyBorder="0" applyAlignment="0" applyProtection="0">
      <alignment vertical="center"/>
    </xf>
    <xf numFmtId="0" fontId="14" fillId="14" borderId="0" applyNumberFormat="0" applyBorder="0" applyAlignment="0" applyProtection="0">
      <alignment vertical="center"/>
    </xf>
    <xf numFmtId="0" fontId="14" fillId="15" borderId="0" applyNumberFormat="0" applyBorder="0" applyAlignment="0" applyProtection="0">
      <alignment vertical="center"/>
    </xf>
    <xf numFmtId="0" fontId="14" fillId="23" borderId="0" applyNumberFormat="0" applyBorder="0" applyAlignment="0" applyProtection="0">
      <alignment vertical="center"/>
    </xf>
    <xf numFmtId="0" fontId="15" fillId="0" borderId="0" applyNumberFormat="0" applyFill="0" applyBorder="0" applyAlignment="0" applyProtection="0">
      <alignment vertical="center"/>
    </xf>
    <xf numFmtId="0" fontId="16" fillId="24" borderId="6" applyNumberFormat="0" applyAlignment="0" applyProtection="0">
      <alignment vertical="center"/>
    </xf>
    <xf numFmtId="0" fontId="17" fillId="25" borderId="0" applyNumberFormat="0" applyBorder="0" applyAlignment="0" applyProtection="0">
      <alignment vertical="center"/>
    </xf>
    <xf numFmtId="199" fontId="29" fillId="0" borderId="0" applyFont="0" applyFill="0" applyBorder="0" applyAlignment="0" applyProtection="0"/>
    <xf numFmtId="200" fontId="29" fillId="0" borderId="0" applyFont="0" applyFill="0" applyBorder="0" applyAlignment="0" applyProtection="0"/>
    <xf numFmtId="9" fontId="3" fillId="0" borderId="0" applyFont="0" applyFill="0" applyBorder="0" applyAlignment="0" applyProtection="0"/>
    <xf numFmtId="0" fontId="43" fillId="0" borderId="0"/>
    <xf numFmtId="0" fontId="11" fillId="26" borderId="7" applyNumberFormat="0" applyFont="0" applyAlignment="0" applyProtection="0">
      <alignment vertical="center"/>
    </xf>
    <xf numFmtId="41" fontId="32" fillId="0" borderId="0" applyFont="0" applyFill="0" applyBorder="0" applyAlignment="0" applyProtection="0"/>
    <xf numFmtId="4" fontId="43" fillId="0" borderId="0" applyFont="0" applyFill="0" applyBorder="0" applyAlignment="0" applyProtection="0"/>
    <xf numFmtId="0" fontId="18" fillId="0" borderId="8" applyNumberFormat="0" applyFill="0" applyAlignment="0" applyProtection="0">
      <alignment vertical="center"/>
    </xf>
    <xf numFmtId="0" fontId="19" fillId="4" borderId="0" applyNumberFormat="0" applyBorder="0" applyAlignment="0" applyProtection="0">
      <alignment vertical="center"/>
    </xf>
    <xf numFmtId="0" fontId="20" fillId="27" borderId="9" applyNumberFormat="0" applyAlignment="0" applyProtection="0">
      <alignment vertical="center"/>
    </xf>
    <xf numFmtId="0" fontId="21" fillId="0" borderId="0" applyNumberFormat="0" applyFill="0" applyBorder="0" applyAlignment="0" applyProtection="0">
      <alignment vertical="center"/>
    </xf>
    <xf numFmtId="38" fontId="3" fillId="0" borderId="0" applyFont="0" applyFill="0" applyBorder="0" applyAlignment="0" applyProtection="0"/>
    <xf numFmtId="3" fontId="33" fillId="0" borderId="0" applyFont="0" applyFill="0" applyBorder="0" applyAlignment="0" applyProtection="0"/>
    <xf numFmtId="0" fontId="33" fillId="0" borderId="1" applyFont="0" applyFill="0" applyBorder="0" applyAlignment="0" applyProtection="0">
      <alignment horizontal="right"/>
    </xf>
    <xf numFmtId="4" fontId="33" fillId="0" borderId="1" applyFont="0" applyFill="0" applyBorder="0" applyAlignment="0" applyProtection="0"/>
    <xf numFmtId="0" fontId="22" fillId="0" borderId="10" applyNumberFormat="0" applyFill="0" applyAlignment="0" applyProtection="0">
      <alignment vertical="center"/>
    </xf>
    <xf numFmtId="0" fontId="23" fillId="0" borderId="11" applyNumberFormat="0" applyFill="0" applyAlignment="0" applyProtection="0">
      <alignment vertical="center"/>
    </xf>
    <xf numFmtId="0" fontId="24" fillId="0" borderId="12" applyNumberFormat="0" applyFill="0" applyAlignment="0" applyProtection="0">
      <alignment vertical="center"/>
    </xf>
    <xf numFmtId="0" fontId="24" fillId="0" borderId="0" applyNumberFormat="0" applyFill="0" applyBorder="0" applyAlignment="0" applyProtection="0">
      <alignment vertical="center"/>
    </xf>
    <xf numFmtId="0" fontId="25" fillId="0" borderId="13" applyNumberFormat="0" applyFill="0" applyAlignment="0" applyProtection="0">
      <alignment vertical="center"/>
    </xf>
    <xf numFmtId="0" fontId="26" fillId="27" borderId="14" applyNumberFormat="0" applyAlignment="0" applyProtection="0">
      <alignment vertical="center"/>
    </xf>
    <xf numFmtId="0" fontId="44" fillId="0" borderId="0">
      <alignment vertical="center"/>
    </xf>
    <xf numFmtId="0" fontId="27" fillId="0" borderId="0" applyNumberFormat="0" applyFill="0" applyBorder="0" applyAlignment="0" applyProtection="0">
      <alignment vertical="center"/>
    </xf>
    <xf numFmtId="0" fontId="32" fillId="0" borderId="0" applyFont="0" applyFill="0" applyBorder="0" applyAlignment="0" applyProtection="0"/>
    <xf numFmtId="0" fontId="32" fillId="0" borderId="0" applyFont="0" applyFill="0" applyBorder="0" applyAlignment="0" applyProtection="0"/>
    <xf numFmtId="0" fontId="28" fillId="8" borderId="9" applyNumberFormat="0" applyAlignment="0" applyProtection="0">
      <alignment vertical="center"/>
    </xf>
    <xf numFmtId="58" fontId="33" fillId="0" borderId="0" applyFont="0" applyFill="0" applyBorder="0" applyAlignment="0" applyProtection="0"/>
    <xf numFmtId="192" fontId="33" fillId="0" borderId="1" applyFont="0" applyFill="0" applyBorder="0" applyAlignment="0" applyProtection="0"/>
    <xf numFmtId="0" fontId="11" fillId="0" borderId="0"/>
    <xf numFmtId="0" fontId="11" fillId="0" borderId="0"/>
    <xf numFmtId="191" fontId="4" fillId="0" borderId="0"/>
    <xf numFmtId="0" fontId="31" fillId="0" borderId="0"/>
    <xf numFmtId="0" fontId="30" fillId="5" borderId="0" applyNumberFormat="0" applyBorder="0" applyAlignment="0" applyProtection="0">
      <alignment vertical="center"/>
    </xf>
    <xf numFmtId="0" fontId="51" fillId="0" borderId="0">
      <alignment vertical="center"/>
    </xf>
    <xf numFmtId="0" fontId="11" fillId="0" borderId="0"/>
    <xf numFmtId="40" fontId="56" fillId="0" borderId="0" applyFont="0" applyFill="0" applyBorder="0" applyAlignment="0" applyProtection="0"/>
    <xf numFmtId="8" fontId="56" fillId="0" borderId="0" applyFont="0" applyFill="0" applyBorder="0" applyAlignment="0" applyProtection="0"/>
    <xf numFmtId="0" fontId="48" fillId="0" borderId="31" applyNumberFormat="0" applyFont="0" applyFill="0" applyAlignment="0" applyProtection="0"/>
    <xf numFmtId="0" fontId="57" fillId="3" borderId="0" applyNumberFormat="0" applyBorder="0" applyAlignment="0" applyProtection="0">
      <alignment vertical="center"/>
    </xf>
    <xf numFmtId="0" fontId="57" fillId="4" borderId="0" applyNumberFormat="0" applyBorder="0" applyAlignment="0" applyProtection="0">
      <alignment vertical="center"/>
    </xf>
    <xf numFmtId="0" fontId="57" fillId="5" borderId="0" applyNumberFormat="0" applyBorder="0" applyAlignment="0" applyProtection="0">
      <alignment vertical="center"/>
    </xf>
    <xf numFmtId="0" fontId="57" fillId="6" borderId="0" applyNumberFormat="0" applyBorder="0" applyAlignment="0" applyProtection="0">
      <alignment vertical="center"/>
    </xf>
    <xf numFmtId="0" fontId="57" fillId="7" borderId="0" applyNumberFormat="0" applyBorder="0" applyAlignment="0" applyProtection="0">
      <alignment vertical="center"/>
    </xf>
    <xf numFmtId="0" fontId="57" fillId="8" borderId="0" applyNumberFormat="0" applyBorder="0" applyAlignment="0" applyProtection="0">
      <alignment vertical="center"/>
    </xf>
    <xf numFmtId="0" fontId="57" fillId="9" borderId="0" applyNumberFormat="0" applyBorder="0" applyAlignment="0" applyProtection="0">
      <alignment vertical="center"/>
    </xf>
    <xf numFmtId="0" fontId="57" fillId="10" borderId="0" applyNumberFormat="0" applyBorder="0" applyAlignment="0" applyProtection="0">
      <alignment vertical="center"/>
    </xf>
    <xf numFmtId="0" fontId="57" fillId="11" borderId="0" applyNumberFormat="0" applyBorder="0" applyAlignment="0" applyProtection="0">
      <alignment vertical="center"/>
    </xf>
    <xf numFmtId="0" fontId="57" fillId="6" borderId="0" applyNumberFormat="0" applyBorder="0" applyAlignment="0" applyProtection="0">
      <alignment vertical="center"/>
    </xf>
    <xf numFmtId="0" fontId="57" fillId="9" borderId="0" applyNumberFormat="0" applyBorder="0" applyAlignment="0" applyProtection="0">
      <alignment vertical="center"/>
    </xf>
    <xf numFmtId="0" fontId="57" fillId="12" borderId="0" applyNumberFormat="0" applyBorder="0" applyAlignment="0" applyProtection="0">
      <alignment vertical="center"/>
    </xf>
    <xf numFmtId="0" fontId="58" fillId="13" borderId="0" applyNumberFormat="0" applyBorder="0" applyAlignment="0" applyProtection="0">
      <alignment vertical="center"/>
    </xf>
    <xf numFmtId="0" fontId="58" fillId="10" borderId="0" applyNumberFormat="0" applyBorder="0" applyAlignment="0" applyProtection="0">
      <alignment vertical="center"/>
    </xf>
    <xf numFmtId="0" fontId="58" fillId="11" borderId="0" applyNumberFormat="0" applyBorder="0" applyAlignment="0" applyProtection="0">
      <alignment vertical="center"/>
    </xf>
    <xf numFmtId="0" fontId="58" fillId="14" borderId="0" applyNumberFormat="0" applyBorder="0" applyAlignment="0" applyProtection="0">
      <alignment vertical="center"/>
    </xf>
    <xf numFmtId="0" fontId="58" fillId="15" borderId="0" applyNumberFormat="0" applyBorder="0" applyAlignment="0" applyProtection="0">
      <alignment vertical="center"/>
    </xf>
    <xf numFmtId="0" fontId="58" fillId="16" borderId="0" applyNumberFormat="0" applyBorder="0" applyAlignment="0" applyProtection="0">
      <alignment vertical="center"/>
    </xf>
    <xf numFmtId="38" fontId="33" fillId="0" borderId="0">
      <alignment vertical="center"/>
      <protection hidden="1"/>
    </xf>
    <xf numFmtId="0" fontId="32" fillId="0" borderId="0" applyNumberFormat="0" applyFill="0" applyBorder="0" applyAlignment="0" applyProtection="0"/>
    <xf numFmtId="0" fontId="59" fillId="0" borderId="0" applyNumberFormat="0" applyFill="0" applyBorder="0" applyAlignment="0" applyProtection="0"/>
    <xf numFmtId="0" fontId="37" fillId="0" borderId="0" applyNumberFormat="0" applyFill="0" applyBorder="0" applyAlignment="0" applyProtection="0"/>
    <xf numFmtId="189" fontId="11" fillId="0" borderId="0" applyFill="0" applyBorder="0" applyAlignment="0"/>
    <xf numFmtId="189" fontId="11" fillId="0" borderId="0" applyFill="0" applyBorder="0" applyAlignment="0"/>
    <xf numFmtId="0" fontId="60" fillId="0" borderId="0" applyNumberFormat="0" applyFont="0" applyBorder="0" applyAlignment="0" applyProtection="0"/>
    <xf numFmtId="0" fontId="40" fillId="0" borderId="0">
      <alignment horizontal="left"/>
    </xf>
    <xf numFmtId="0" fontId="61" fillId="0" borderId="0" applyNumberFormat="0" applyFill="0" applyBorder="0" applyAlignment="0" applyProtection="0"/>
    <xf numFmtId="0" fontId="60" fillId="0" borderId="0" applyNumberFormat="0" applyFill="0" applyBorder="0" applyAlignment="0" applyProtection="0"/>
    <xf numFmtId="0" fontId="62" fillId="0" borderId="0" applyBorder="0"/>
    <xf numFmtId="4" fontId="40" fillId="0" borderId="0">
      <alignment horizontal="right"/>
    </xf>
    <xf numFmtId="0" fontId="63" fillId="0" borderId="0" applyNumberFormat="0" applyFont="0" applyFill="0" applyBorder="0" applyAlignment="0" applyProtection="0">
      <alignment horizontal="left"/>
    </xf>
    <xf numFmtId="0" fontId="64" fillId="0" borderId="24">
      <alignment horizontal="center"/>
    </xf>
    <xf numFmtId="4" fontId="65" fillId="0" borderId="0">
      <alignment horizontal="right"/>
    </xf>
    <xf numFmtId="0" fontId="12" fillId="0" borderId="0"/>
    <xf numFmtId="0" fontId="12" fillId="0" borderId="0"/>
    <xf numFmtId="0" fontId="66" fillId="0" borderId="0">
      <alignment horizontal="left"/>
    </xf>
    <xf numFmtId="0" fontId="63" fillId="0" borderId="0"/>
    <xf numFmtId="0" fontId="12" fillId="0" borderId="0"/>
    <xf numFmtId="0" fontId="31" fillId="0" borderId="0"/>
    <xf numFmtId="0" fontId="12" fillId="0" borderId="0"/>
    <xf numFmtId="0" fontId="31" fillId="0" borderId="0"/>
    <xf numFmtId="0" fontId="12" fillId="0" borderId="0"/>
    <xf numFmtId="0" fontId="31" fillId="0" borderId="0"/>
    <xf numFmtId="0" fontId="12" fillId="0" borderId="0"/>
    <xf numFmtId="0" fontId="31" fillId="0" borderId="0"/>
    <xf numFmtId="0" fontId="12" fillId="0" borderId="0"/>
    <xf numFmtId="0" fontId="31" fillId="0" borderId="0"/>
    <xf numFmtId="0" fontId="12" fillId="0" borderId="0"/>
    <xf numFmtId="0" fontId="31" fillId="0" borderId="0"/>
    <xf numFmtId="0" fontId="12" fillId="0" borderId="0"/>
    <xf numFmtId="0" fontId="31" fillId="0" borderId="0"/>
    <xf numFmtId="0" fontId="12" fillId="0" borderId="0"/>
    <xf numFmtId="0" fontId="31" fillId="0" borderId="0"/>
    <xf numFmtId="0" fontId="67" fillId="29" borderId="0"/>
    <xf numFmtId="0" fontId="67" fillId="29" borderId="0"/>
    <xf numFmtId="0" fontId="67" fillId="29" borderId="0"/>
    <xf numFmtId="0" fontId="67" fillId="29" borderId="0"/>
    <xf numFmtId="0" fontId="67" fillId="29" borderId="0"/>
    <xf numFmtId="0" fontId="67" fillId="29" borderId="0"/>
    <xf numFmtId="0" fontId="67" fillId="29" borderId="0"/>
    <xf numFmtId="0" fontId="67" fillId="29" borderId="0"/>
    <xf numFmtId="0" fontId="68" fillId="0" borderId="0">
      <alignment horizontal="center"/>
    </xf>
    <xf numFmtId="0" fontId="3" fillId="0" borderId="17" applyNumberFormat="0" applyFill="0" applyBorder="0" applyAlignment="0" applyProtection="0">
      <alignment vertical="center"/>
    </xf>
    <xf numFmtId="0" fontId="58" fillId="20" borderId="0" applyNumberFormat="0" applyBorder="0" applyAlignment="0" applyProtection="0">
      <alignment vertical="center"/>
    </xf>
    <xf numFmtId="0" fontId="58" fillId="21" borderId="0" applyNumberFormat="0" applyBorder="0" applyAlignment="0" applyProtection="0">
      <alignment vertical="center"/>
    </xf>
    <xf numFmtId="0" fontId="58" fillId="22" borderId="0" applyNumberFormat="0" applyBorder="0" applyAlignment="0" applyProtection="0">
      <alignment vertical="center"/>
    </xf>
    <xf numFmtId="0" fontId="58" fillId="14" borderId="0" applyNumberFormat="0" applyBorder="0" applyAlignment="0" applyProtection="0">
      <alignment vertical="center"/>
    </xf>
    <xf numFmtId="0" fontId="58" fillId="15" borderId="0" applyNumberFormat="0" applyBorder="0" applyAlignment="0" applyProtection="0">
      <alignment vertical="center"/>
    </xf>
    <xf numFmtId="0" fontId="58" fillId="23" borderId="0" applyNumberFormat="0" applyBorder="0" applyAlignment="0" applyProtection="0">
      <alignment vertical="center"/>
    </xf>
    <xf numFmtId="0" fontId="15" fillId="0" borderId="0" applyNumberFormat="0" applyFill="0" applyBorder="0" applyAlignment="0" applyProtection="0">
      <alignment vertical="center"/>
    </xf>
    <xf numFmtId="0" fontId="69" fillId="24" borderId="6" applyNumberFormat="0" applyAlignment="0" applyProtection="0">
      <alignment vertical="center"/>
    </xf>
    <xf numFmtId="0" fontId="70" fillId="25" borderId="0" applyNumberFormat="0" applyBorder="0" applyAlignment="0" applyProtection="0">
      <alignment vertical="center"/>
    </xf>
    <xf numFmtId="9" fontId="11" fillId="0" borderId="0" applyFont="0" applyFill="0" applyBorder="0" applyAlignment="0" applyProtection="0"/>
    <xf numFmtId="0" fontId="4" fillId="0" borderId="36" applyNumberFormat="0" applyFill="0" applyBorder="0" applyAlignment="0" applyProtection="0">
      <alignment horizontal="distributed" vertical="center" justifyLastLine="1"/>
    </xf>
    <xf numFmtId="0" fontId="11" fillId="26" borderId="7" applyNumberFormat="0" applyFont="0" applyAlignment="0" applyProtection="0">
      <alignment vertical="center"/>
    </xf>
    <xf numFmtId="0" fontId="71" fillId="28" borderId="0" applyNumberFormat="0" applyBorder="0" applyAlignment="0" applyProtection="0">
      <alignment vertical="center"/>
    </xf>
    <xf numFmtId="0" fontId="72" fillId="0" borderId="8" applyNumberFormat="0" applyFill="0" applyAlignment="0" applyProtection="0">
      <alignment vertical="center"/>
    </xf>
    <xf numFmtId="0" fontId="73" fillId="4" borderId="0" applyNumberFormat="0" applyBorder="0" applyAlignment="0" applyProtection="0">
      <alignment vertical="center"/>
    </xf>
    <xf numFmtId="0" fontId="74" fillId="0" borderId="78" applyFill="0" applyBorder="0" applyProtection="0">
      <alignment horizontal="left"/>
    </xf>
    <xf numFmtId="215" fontId="3" fillId="0" borderId="0" applyFill="0" applyBorder="0" applyAlignment="0" applyProtection="0">
      <alignment vertical="center"/>
    </xf>
    <xf numFmtId="0" fontId="75" fillId="30" borderId="0">
      <alignment horizontal="right" vertical="top"/>
    </xf>
    <xf numFmtId="0" fontId="71" fillId="28" borderId="0" applyNumberFormat="0" applyBorder="0" applyAlignment="0" applyProtection="0"/>
    <xf numFmtId="216" fontId="7" fillId="19" borderId="39" applyFont="0" applyFill="0" applyBorder="0" applyAlignment="0" applyProtection="0">
      <protection locked="0"/>
    </xf>
    <xf numFmtId="0" fontId="76" fillId="27" borderId="9" applyNumberFormat="0" applyAlignment="0" applyProtection="0">
      <alignment vertical="center"/>
    </xf>
    <xf numFmtId="0" fontId="77" fillId="0" borderId="0" applyNumberFormat="0" applyFill="0" applyBorder="0" applyAlignment="0" applyProtection="0">
      <alignment vertical="center"/>
    </xf>
    <xf numFmtId="217" fontId="32" fillId="0" borderId="0" applyFont="0" applyFill="0" applyBorder="0" applyAlignment="0" applyProtection="0"/>
    <xf numFmtId="218" fontId="32" fillId="0" borderId="0" applyFont="0" applyFill="0" applyBorder="0" applyAlignment="0" applyProtection="0"/>
    <xf numFmtId="203" fontId="8" fillId="0" borderId="18"/>
    <xf numFmtId="38" fontId="11" fillId="0" borderId="0" applyFont="0" applyFill="0" applyBorder="0" applyAlignment="0" applyProtection="0"/>
    <xf numFmtId="38" fontId="11" fillId="0" borderId="0" applyFont="0" applyFill="0" applyBorder="0" applyAlignment="0" applyProtection="0"/>
    <xf numFmtId="38" fontId="11" fillId="0" borderId="0" applyFont="0" applyFill="0" applyBorder="0" applyAlignment="0" applyProtection="0"/>
    <xf numFmtId="38" fontId="33" fillId="0" borderId="0" applyFont="0" applyFill="0" applyBorder="0" applyAlignment="0" applyProtection="0"/>
    <xf numFmtId="38" fontId="29" fillId="0" borderId="0" applyFont="0" applyFill="0" applyBorder="0" applyAlignment="0" applyProtection="0"/>
    <xf numFmtId="38" fontId="11" fillId="0" borderId="0" applyFont="0" applyFill="0" applyBorder="0" applyAlignment="0" applyProtection="0">
      <alignment vertical="center"/>
    </xf>
    <xf numFmtId="38" fontId="11" fillId="0" borderId="0" applyFont="0" applyFill="0" applyBorder="0" applyAlignment="0" applyProtection="0">
      <alignment vertical="center"/>
    </xf>
    <xf numFmtId="219" fontId="78" fillId="0" borderId="81" applyFill="0" applyBorder="0" applyProtection="0"/>
    <xf numFmtId="0" fontId="79" fillId="0" borderId="10" applyNumberFormat="0" applyFill="0" applyAlignment="0" applyProtection="0">
      <alignment vertical="center"/>
    </xf>
    <xf numFmtId="0" fontId="80" fillId="0" borderId="11" applyNumberFormat="0" applyFill="0" applyAlignment="0" applyProtection="0">
      <alignment vertical="center"/>
    </xf>
    <xf numFmtId="0" fontId="81" fillId="0" borderId="12" applyNumberFormat="0" applyFill="0" applyAlignment="0" applyProtection="0">
      <alignment vertical="center"/>
    </xf>
    <xf numFmtId="0" fontId="81" fillId="0" borderId="0" applyNumberFormat="0" applyFill="0" applyBorder="0" applyAlignment="0" applyProtection="0">
      <alignment vertical="center"/>
    </xf>
    <xf numFmtId="220" fontId="33" fillId="0" borderId="50">
      <protection locked="0"/>
    </xf>
    <xf numFmtId="220" fontId="33" fillId="0" borderId="50">
      <protection locked="0"/>
    </xf>
    <xf numFmtId="221" fontId="33" fillId="0" borderId="50">
      <protection locked="0"/>
    </xf>
    <xf numFmtId="0" fontId="31" fillId="0" borderId="82">
      <alignment horizontal="center"/>
    </xf>
    <xf numFmtId="0" fontId="33" fillId="0" borderId="0" applyNumberFormat="0" applyFill="0" applyBorder="0" applyAlignment="0" applyProtection="0"/>
    <xf numFmtId="0" fontId="82" fillId="0" borderId="0">
      <alignment wrapText="1"/>
    </xf>
    <xf numFmtId="0" fontId="48" fillId="0" borderId="0"/>
    <xf numFmtId="0" fontId="83" fillId="0" borderId="13" applyNumberFormat="0" applyFill="0" applyAlignment="0" applyProtection="0">
      <alignment vertical="center"/>
    </xf>
    <xf numFmtId="0" fontId="3" fillId="0" borderId="0" applyProtection="0">
      <alignment horizontal="center" textRotation="90"/>
    </xf>
    <xf numFmtId="0" fontId="3" fillId="0" borderId="0">
      <alignment horizontal="center" vertical="top" textRotation="90"/>
    </xf>
    <xf numFmtId="0" fontId="3" fillId="0" borderId="0" applyProtection="0">
      <alignment horizontal="center" vertical="center" textRotation="90"/>
    </xf>
    <xf numFmtId="0" fontId="84" fillId="27" borderId="14" applyNumberFormat="0" applyAlignment="0" applyProtection="0">
      <alignment vertical="center"/>
    </xf>
    <xf numFmtId="222" fontId="62" fillId="0" borderId="0" applyFill="0" applyBorder="0" applyProtection="0">
      <alignment vertical="center"/>
    </xf>
    <xf numFmtId="223" fontId="74" fillId="0" borderId="0" applyFill="0" applyBorder="0" applyProtection="0">
      <alignment vertical="center"/>
    </xf>
    <xf numFmtId="224" fontId="74" fillId="0" borderId="0" applyFill="0" applyBorder="0" applyProtection="0">
      <alignment vertical="center"/>
    </xf>
    <xf numFmtId="225" fontId="74" fillId="0" borderId="0" applyFill="0" applyBorder="0" applyProtection="0">
      <alignment vertical="center"/>
    </xf>
    <xf numFmtId="0" fontId="7" fillId="0" borderId="0" applyFill="0" applyBorder="0" applyProtection="0">
      <alignment horizontal="center" vertical="center"/>
    </xf>
    <xf numFmtId="42" fontId="3" fillId="0" borderId="0" applyFill="0" applyBorder="0" applyAlignment="0" applyProtection="0">
      <alignment horizontal="center" vertical="center"/>
    </xf>
    <xf numFmtId="202" fontId="85" fillId="30" borderId="83">
      <alignment horizontal="right"/>
    </xf>
    <xf numFmtId="2" fontId="86" fillId="0" borderId="15">
      <alignment horizontal="center"/>
    </xf>
    <xf numFmtId="0" fontId="67" fillId="0" borderId="0" applyNumberFormat="0" applyFont="0" applyBorder="0" applyAlignment="0" applyProtection="0"/>
    <xf numFmtId="0" fontId="87" fillId="0" borderId="0" applyNumberFormat="0" applyFill="0" applyBorder="0" applyAlignment="0" applyProtection="0">
      <alignment vertical="center"/>
    </xf>
    <xf numFmtId="0" fontId="33" fillId="0" borderId="0" applyNumberFormat="0" applyFill="0" applyBorder="0" applyAlignment="0" applyProtection="0">
      <alignment vertical="center"/>
    </xf>
    <xf numFmtId="0" fontId="33" fillId="0" borderId="0" applyNumberFormat="0" applyFill="0" applyBorder="0" applyAlignment="0" applyProtection="0">
      <alignment vertical="center"/>
    </xf>
    <xf numFmtId="0" fontId="60" fillId="0" borderId="0" applyFill="0" applyBorder="0" applyProtection="0">
      <alignment vertical="center"/>
    </xf>
    <xf numFmtId="0" fontId="88" fillId="0" borderId="0" applyFill="0" applyBorder="0" applyProtection="0">
      <alignment vertical="center"/>
    </xf>
    <xf numFmtId="0" fontId="89" fillId="0" borderId="0" applyFill="0" applyBorder="0" applyProtection="0"/>
    <xf numFmtId="0" fontId="90" fillId="0" borderId="0" applyFill="0" applyBorder="0" applyProtection="0">
      <alignment horizontal="left"/>
    </xf>
    <xf numFmtId="8" fontId="11" fillId="0" borderId="0" applyFont="0" applyFill="0" applyBorder="0" applyAlignment="0" applyProtection="0"/>
    <xf numFmtId="6" fontId="11" fillId="0" borderId="0" applyFont="0" applyFill="0" applyBorder="0" applyAlignment="0" applyProtection="0"/>
    <xf numFmtId="0" fontId="91" fillId="0" borderId="28" applyFill="0" applyBorder="0" applyProtection="0">
      <alignment horizontal="left" vertical="center"/>
    </xf>
    <xf numFmtId="6" fontId="11" fillId="0" borderId="0" applyFont="0" applyFill="0" applyBorder="0" applyAlignment="0" applyProtection="0"/>
    <xf numFmtId="0" fontId="33" fillId="0" borderId="0" applyNumberFormat="0" applyFill="0" applyBorder="0" applyAlignment="0" applyProtection="0">
      <alignment horizontal="left"/>
    </xf>
    <xf numFmtId="0" fontId="92" fillId="8" borderId="9" applyNumberFormat="0" applyAlignment="0" applyProtection="0">
      <alignment vertical="center"/>
    </xf>
    <xf numFmtId="179" fontId="12" fillId="0" borderId="84" applyNumberFormat="0" applyFont="0" applyAlignment="0" applyProtection="0"/>
    <xf numFmtId="0" fontId="11" fillId="0" borderId="0"/>
    <xf numFmtId="0" fontId="11" fillId="0" borderId="0"/>
    <xf numFmtId="0" fontId="11" fillId="0" borderId="0"/>
    <xf numFmtId="0" fontId="33" fillId="0" borderId="0" applyProtection="0">
      <alignment horizontal="center"/>
    </xf>
    <xf numFmtId="184" fontId="11" fillId="0" borderId="0"/>
    <xf numFmtId="0" fontId="3" fillId="0" borderId="0"/>
    <xf numFmtId="0" fontId="11" fillId="0" borderId="0"/>
    <xf numFmtId="184" fontId="1" fillId="0" borderId="0">
      <alignment vertical="center"/>
    </xf>
    <xf numFmtId="0" fontId="29" fillId="0" borderId="0"/>
    <xf numFmtId="0" fontId="29" fillId="0" borderId="0"/>
    <xf numFmtId="0" fontId="11" fillId="0" borderId="0">
      <alignment vertical="center"/>
    </xf>
    <xf numFmtId="0" fontId="29" fillId="0" borderId="0"/>
    <xf numFmtId="0" fontId="11" fillId="0" borderId="0"/>
    <xf numFmtId="0" fontId="11" fillId="0" borderId="0"/>
    <xf numFmtId="0" fontId="11" fillId="0" borderId="0"/>
    <xf numFmtId="0" fontId="4" fillId="0" borderId="0"/>
    <xf numFmtId="0" fontId="93" fillId="0" borderId="0"/>
    <xf numFmtId="0" fontId="33" fillId="0" borderId="0"/>
    <xf numFmtId="0" fontId="4" fillId="0" borderId="0" applyNumberFormat="0" applyBorder="0" applyAlignment="0"/>
    <xf numFmtId="0" fontId="11" fillId="0" borderId="85" applyNumberFormat="0" applyBorder="0"/>
    <xf numFmtId="0" fontId="48" fillId="0" borderId="0" applyBorder="0">
      <alignment vertical="center"/>
    </xf>
    <xf numFmtId="0" fontId="29" fillId="0" borderId="0"/>
    <xf numFmtId="0" fontId="94" fillId="5" borderId="0" applyNumberFormat="0" applyBorder="0" applyAlignment="0" applyProtection="0">
      <alignment vertical="center"/>
    </xf>
    <xf numFmtId="0" fontId="31" fillId="0" borderId="0"/>
    <xf numFmtId="0" fontId="11" fillId="0" borderId="0">
      <alignment vertical="center"/>
    </xf>
  </cellStyleXfs>
  <cellXfs count="321">
    <xf numFmtId="0" fontId="0" fillId="0" borderId="0" xfId="0"/>
    <xf numFmtId="0" fontId="7" fillId="0" borderId="34" xfId="116" applyFont="1" applyBorder="1" applyAlignment="1">
      <alignment horizontal="center" vertical="center"/>
    </xf>
    <xf numFmtId="0" fontId="7" fillId="0" borderId="35" xfId="116" applyFont="1" applyBorder="1" applyAlignment="1">
      <alignment horizontal="center" vertical="center"/>
    </xf>
    <xf numFmtId="38" fontId="7" fillId="0" borderId="36" xfId="98" applyFont="1" applyBorder="1" applyAlignment="1">
      <alignment horizontal="center" vertical="center"/>
    </xf>
    <xf numFmtId="0" fontId="7" fillId="0" borderId="37" xfId="116" applyFont="1" applyBorder="1" applyAlignment="1">
      <alignment horizontal="center" vertical="center"/>
    </xf>
    <xf numFmtId="0" fontId="11" fillId="0" borderId="0" xfId="116" applyFont="1" applyAlignment="1">
      <alignment horizontal="center" vertical="center"/>
    </xf>
    <xf numFmtId="0" fontId="45" fillId="0" borderId="38" xfId="116" applyFont="1" applyBorder="1" applyAlignment="1" applyProtection="1">
      <alignment vertical="center"/>
      <protection locked="0"/>
    </xf>
    <xf numFmtId="0" fontId="45" fillId="0" borderId="39" xfId="116" applyFont="1" applyBorder="1" applyAlignment="1" applyProtection="1">
      <alignment vertical="center"/>
      <protection locked="0"/>
    </xf>
    <xf numFmtId="0" fontId="45" fillId="0" borderId="39" xfId="116" applyFont="1" applyBorder="1" applyAlignment="1" applyProtection="1">
      <alignment horizontal="center" vertical="center"/>
      <protection locked="0"/>
    </xf>
    <xf numFmtId="0" fontId="45" fillId="0" borderId="39" xfId="116" applyFont="1" applyBorder="1" applyAlignment="1" applyProtection="1">
      <alignment horizontal="right" vertical="center"/>
      <protection locked="0"/>
    </xf>
    <xf numFmtId="38" fontId="45" fillId="0" borderId="39" xfId="98" applyFont="1" applyBorder="1" applyAlignment="1" applyProtection="1">
      <alignment horizontal="right" vertical="center"/>
      <protection locked="0"/>
    </xf>
    <xf numFmtId="181" fontId="45" fillId="0" borderId="39" xfId="98" applyNumberFormat="1" applyFont="1" applyBorder="1" applyAlignment="1" applyProtection="1">
      <alignment horizontal="right" vertical="center"/>
      <protection locked="0"/>
    </xf>
    <xf numFmtId="0" fontId="45" fillId="0" borderId="40" xfId="116" applyFont="1" applyBorder="1" applyAlignment="1" applyProtection="1">
      <alignment horizontal="center" vertical="center"/>
      <protection locked="0"/>
    </xf>
    <xf numFmtId="0" fontId="46" fillId="0" borderId="0" xfId="116" applyFont="1" applyAlignment="1">
      <alignment horizontal="center" vertical="center"/>
    </xf>
    <xf numFmtId="0" fontId="45" fillId="0" borderId="41" xfId="116" applyFont="1" applyBorder="1" applyAlignment="1" applyProtection="1">
      <alignment vertical="center"/>
      <protection locked="0"/>
    </xf>
    <xf numFmtId="0" fontId="45" fillId="0" borderId="42" xfId="116" applyFont="1" applyBorder="1" applyAlignment="1" applyProtection="1">
      <alignment vertical="center"/>
      <protection locked="0"/>
    </xf>
    <xf numFmtId="0" fontId="45" fillId="0" borderId="42" xfId="116" applyFont="1" applyBorder="1" applyAlignment="1" applyProtection="1">
      <alignment horizontal="center" vertical="center"/>
      <protection locked="0"/>
    </xf>
    <xf numFmtId="0" fontId="45" fillId="0" borderId="42" xfId="116" applyFont="1" applyBorder="1" applyAlignment="1" applyProtection="1">
      <alignment horizontal="right" vertical="center"/>
      <protection locked="0"/>
    </xf>
    <xf numFmtId="38" fontId="45" fillId="0" borderId="42" xfId="98" applyFont="1" applyBorder="1" applyAlignment="1" applyProtection="1">
      <alignment horizontal="right" vertical="center"/>
      <protection locked="0"/>
    </xf>
    <xf numFmtId="182" fontId="45" fillId="0" borderId="42" xfId="98" applyNumberFormat="1" applyFont="1" applyBorder="1" applyAlignment="1" applyProtection="1">
      <alignment horizontal="right" vertical="center"/>
      <protection locked="0"/>
    </xf>
    <xf numFmtId="0" fontId="45" fillId="0" borderId="43" xfId="116" applyFont="1" applyBorder="1" applyAlignment="1" applyProtection="1">
      <alignment horizontal="center" vertical="center"/>
      <protection locked="0"/>
    </xf>
    <xf numFmtId="0" fontId="45" fillId="0" borderId="44" xfId="116" applyFont="1" applyBorder="1" applyAlignment="1" applyProtection="1">
      <alignment horizontal="right"/>
      <protection locked="0"/>
    </xf>
    <xf numFmtId="0" fontId="45" fillId="0" borderId="45" xfId="116" applyFont="1" applyBorder="1" applyAlignment="1" applyProtection="1">
      <protection locked="0"/>
    </xf>
    <xf numFmtId="0" fontId="45" fillId="0" borderId="45" xfId="116" applyFont="1" applyBorder="1" applyAlignment="1" applyProtection="1">
      <alignment horizontal="center"/>
      <protection locked="0"/>
    </xf>
    <xf numFmtId="0" fontId="45" fillId="0" borderId="45" xfId="116" applyFont="1" applyBorder="1" applyAlignment="1" applyProtection="1">
      <alignment horizontal="right"/>
      <protection locked="0"/>
    </xf>
    <xf numFmtId="38" fontId="45" fillId="0" borderId="45" xfId="98" applyFont="1" applyBorder="1" applyAlignment="1" applyProtection="1">
      <alignment horizontal="right"/>
      <protection locked="0"/>
    </xf>
    <xf numFmtId="183" fontId="45" fillId="0" borderId="45" xfId="98" applyNumberFormat="1" applyFont="1" applyBorder="1" applyProtection="1">
      <protection locked="0"/>
    </xf>
    <xf numFmtId="0" fontId="45" fillId="0" borderId="27" xfId="116" applyFont="1" applyBorder="1" applyProtection="1">
      <protection locked="0"/>
    </xf>
    <xf numFmtId="0" fontId="46" fillId="0" borderId="0" xfId="116" applyFont="1"/>
    <xf numFmtId="0" fontId="45" fillId="0" borderId="46" xfId="116" applyFont="1" applyBorder="1" applyAlignment="1" applyProtection="1">
      <alignment vertical="center"/>
      <protection locked="0"/>
    </xf>
    <xf numFmtId="0" fontId="45" fillId="0" borderId="19" xfId="116" applyFont="1" applyBorder="1" applyAlignment="1" applyProtection="1">
      <alignment vertical="center"/>
      <protection locked="0"/>
    </xf>
    <xf numFmtId="0" fontId="45" fillId="0" borderId="44" xfId="116" applyFont="1" applyBorder="1" applyAlignment="1" applyProtection="1">
      <protection locked="0"/>
    </xf>
    <xf numFmtId="180" fontId="45" fillId="0" borderId="45" xfId="98" applyNumberFormat="1" applyFont="1" applyBorder="1" applyAlignment="1" applyProtection="1">
      <alignment horizontal="right"/>
      <protection locked="0"/>
    </xf>
    <xf numFmtId="180" fontId="45" fillId="0" borderId="45" xfId="98" applyNumberFormat="1" applyFont="1" applyBorder="1" applyProtection="1">
      <protection locked="0"/>
    </xf>
    <xf numFmtId="0" fontId="45" fillId="0" borderId="27" xfId="116" applyFont="1" applyBorder="1" applyAlignment="1" applyProtection="1">
      <alignment horizontal="center"/>
      <protection locked="0"/>
    </xf>
    <xf numFmtId="0" fontId="45" fillId="0" borderId="41" xfId="116" applyFont="1" applyBorder="1" applyAlignment="1" applyProtection="1">
      <protection locked="0"/>
    </xf>
    <xf numFmtId="185" fontId="45" fillId="0" borderId="45" xfId="98" applyNumberFormat="1" applyFont="1" applyBorder="1" applyProtection="1">
      <protection locked="0"/>
    </xf>
    <xf numFmtId="0" fontId="47" fillId="0" borderId="34" xfId="116" applyFont="1" applyBorder="1" applyAlignment="1">
      <alignment vertical="center"/>
    </xf>
    <xf numFmtId="0" fontId="47" fillId="0" borderId="47" xfId="116" applyFont="1" applyBorder="1" applyAlignment="1">
      <alignment vertical="center"/>
    </xf>
    <xf numFmtId="0" fontId="47" fillId="0" borderId="47" xfId="116" applyFont="1" applyBorder="1" applyAlignment="1">
      <alignment horizontal="center" vertical="center"/>
    </xf>
    <xf numFmtId="0" fontId="47" fillId="0" borderId="47" xfId="116" applyFont="1" applyBorder="1" applyAlignment="1">
      <alignment horizontal="right" vertical="center"/>
    </xf>
    <xf numFmtId="38" fontId="47" fillId="0" borderId="47" xfId="98" applyFont="1" applyBorder="1" applyAlignment="1">
      <alignment vertical="center"/>
    </xf>
    <xf numFmtId="0" fontId="47" fillId="0" borderId="37" xfId="116" applyFont="1" applyBorder="1" applyAlignment="1">
      <alignment vertical="center"/>
    </xf>
    <xf numFmtId="0" fontId="45" fillId="0" borderId="42" xfId="116" applyFont="1" applyBorder="1" applyAlignment="1" applyProtection="1">
      <alignment horizontal="right"/>
      <protection locked="0"/>
    </xf>
    <xf numFmtId="38" fontId="45" fillId="0" borderId="42" xfId="98" applyFont="1" applyBorder="1" applyAlignment="1" applyProtection="1">
      <alignment horizontal="right"/>
      <protection locked="0"/>
    </xf>
    <xf numFmtId="0" fontId="46" fillId="0" borderId="39" xfId="116" applyFont="1" applyBorder="1"/>
    <xf numFmtId="0" fontId="45" fillId="0" borderId="42" xfId="116" applyFont="1" applyBorder="1" applyAlignment="1" applyProtection="1">
      <protection locked="0"/>
    </xf>
    <xf numFmtId="0" fontId="46" fillId="0" borderId="20" xfId="116" applyFont="1" applyBorder="1" applyAlignment="1">
      <alignment horizontal="center" vertical="center"/>
    </xf>
    <xf numFmtId="0" fontId="46" fillId="0" borderId="41" xfId="116" applyFont="1" applyBorder="1" applyAlignment="1" applyProtection="1">
      <alignment vertical="center"/>
      <protection locked="0"/>
    </xf>
    <xf numFmtId="0" fontId="46" fillId="0" borderId="44" xfId="116" applyFont="1" applyBorder="1" applyAlignment="1" applyProtection="1">
      <protection locked="0"/>
    </xf>
    <xf numFmtId="0" fontId="46" fillId="0" borderId="41" xfId="116" applyFont="1" applyBorder="1" applyAlignment="1" applyProtection="1">
      <protection locked="0"/>
    </xf>
    <xf numFmtId="0" fontId="46" fillId="0" borderId="39" xfId="116" applyFont="1" applyBorder="1" applyAlignment="1" applyProtection="1">
      <alignment vertical="center"/>
      <protection locked="0"/>
    </xf>
    <xf numFmtId="0" fontId="46" fillId="0" borderId="39" xfId="116" applyFont="1" applyBorder="1" applyAlignment="1" applyProtection="1">
      <alignment horizontal="center" vertical="center"/>
      <protection locked="0"/>
    </xf>
    <xf numFmtId="0" fontId="46" fillId="0" borderId="39" xfId="116" applyFont="1" applyBorder="1" applyAlignment="1" applyProtection="1">
      <alignment horizontal="right" vertical="center"/>
      <protection locked="0"/>
    </xf>
    <xf numFmtId="38" fontId="46" fillId="0" borderId="39" xfId="98" applyFont="1" applyBorder="1" applyAlignment="1" applyProtection="1">
      <alignment horizontal="right" vertical="center"/>
      <protection locked="0"/>
    </xf>
    <xf numFmtId="181" fontId="46" fillId="0" borderId="48" xfId="98" applyNumberFormat="1" applyFont="1" applyBorder="1" applyAlignment="1" applyProtection="1">
      <alignment horizontal="right" vertical="center"/>
      <protection locked="0"/>
    </xf>
    <xf numFmtId="0" fontId="46" fillId="0" borderId="40" xfId="116" applyFont="1" applyBorder="1" applyAlignment="1" applyProtection="1">
      <alignment horizontal="center" vertical="center"/>
      <protection locked="0"/>
    </xf>
    <xf numFmtId="0" fontId="46" fillId="0" borderId="42" xfId="116" applyFont="1" applyBorder="1" applyAlignment="1" applyProtection="1">
      <alignment vertical="center"/>
      <protection locked="0"/>
    </xf>
    <xf numFmtId="0" fontId="46" fillId="0" borderId="42" xfId="116" applyFont="1" applyBorder="1" applyAlignment="1" applyProtection="1">
      <alignment horizontal="center" vertical="center"/>
      <protection locked="0"/>
    </xf>
    <xf numFmtId="0" fontId="46" fillId="0" borderId="42" xfId="116" applyFont="1" applyBorder="1" applyAlignment="1" applyProtection="1">
      <alignment horizontal="right" vertical="center"/>
      <protection locked="0"/>
    </xf>
    <xf numFmtId="38" fontId="46" fillId="0" borderId="42" xfId="98" applyFont="1" applyBorder="1" applyAlignment="1" applyProtection="1">
      <alignment horizontal="right" vertical="center"/>
      <protection locked="0"/>
    </xf>
    <xf numFmtId="182" fontId="46" fillId="0" borderId="49" xfId="98" applyNumberFormat="1" applyFont="1" applyBorder="1" applyAlignment="1" applyProtection="1">
      <alignment horizontal="right" vertical="center"/>
      <protection locked="0"/>
    </xf>
    <xf numFmtId="0" fontId="46" fillId="0" borderId="43" xfId="116" applyFont="1" applyBorder="1" applyAlignment="1" applyProtection="1">
      <alignment horizontal="center" vertical="center"/>
      <protection locked="0"/>
    </xf>
    <xf numFmtId="0" fontId="46" fillId="0" borderId="45" xfId="116" applyFont="1" applyBorder="1" applyAlignment="1" applyProtection="1">
      <protection locked="0"/>
    </xf>
    <xf numFmtId="0" fontId="46" fillId="0" borderId="45" xfId="116" applyFont="1" applyBorder="1" applyAlignment="1" applyProtection="1">
      <alignment horizontal="center"/>
      <protection locked="0"/>
    </xf>
    <xf numFmtId="0" fontId="46" fillId="0" borderId="45" xfId="116" applyFont="1" applyBorder="1" applyAlignment="1" applyProtection="1">
      <alignment horizontal="right"/>
      <protection locked="0"/>
    </xf>
    <xf numFmtId="38" fontId="46" fillId="0" borderId="45" xfId="98" applyFont="1" applyBorder="1" applyAlignment="1" applyProtection="1">
      <alignment horizontal="right"/>
      <protection locked="0"/>
    </xf>
    <xf numFmtId="180" fontId="46" fillId="0" borderId="50" xfId="98" applyNumberFormat="1" applyFont="1" applyBorder="1" applyProtection="1">
      <protection locked="0"/>
    </xf>
    <xf numFmtId="0" fontId="46" fillId="0" borderId="27" xfId="116" applyFont="1" applyBorder="1" applyAlignment="1" applyProtection="1">
      <alignment horizontal="center"/>
      <protection locked="0"/>
    </xf>
    <xf numFmtId="0" fontId="46" fillId="0" borderId="38" xfId="116" applyFont="1" applyBorder="1" applyAlignment="1" applyProtection="1">
      <alignment vertical="center"/>
      <protection locked="0"/>
    </xf>
    <xf numFmtId="0" fontId="45" fillId="0" borderId="39" xfId="116" applyFont="1" applyFill="1" applyBorder="1" applyAlignment="1" applyProtection="1">
      <alignment horizontal="right" vertical="center"/>
      <protection locked="0"/>
    </xf>
    <xf numFmtId="0" fontId="45" fillId="0" borderId="42" xfId="116" quotePrefix="1" applyFont="1" applyBorder="1" applyAlignment="1" applyProtection="1">
      <alignment vertical="center"/>
      <protection locked="0"/>
    </xf>
    <xf numFmtId="0" fontId="45" fillId="0" borderId="42" xfId="116" applyFont="1" applyFill="1" applyBorder="1" applyAlignment="1" applyProtection="1">
      <alignment horizontal="right" vertical="center"/>
      <protection locked="0"/>
    </xf>
    <xf numFmtId="0" fontId="46" fillId="0" borderId="27" xfId="116" applyFont="1" applyBorder="1" applyProtection="1">
      <protection locked="0"/>
    </xf>
    <xf numFmtId="181" fontId="46" fillId="0" borderId="39" xfId="98" applyNumberFormat="1" applyFont="1" applyBorder="1" applyAlignment="1" applyProtection="1">
      <alignment horizontal="right" vertical="center"/>
      <protection locked="0"/>
    </xf>
    <xf numFmtId="182" fontId="46" fillId="0" borderId="42" xfId="98" applyNumberFormat="1" applyFont="1" applyBorder="1" applyAlignment="1" applyProtection="1">
      <alignment horizontal="right" vertical="center"/>
      <protection locked="0"/>
    </xf>
    <xf numFmtId="0" fontId="46" fillId="0" borderId="51" xfId="116" applyFont="1" applyBorder="1" applyAlignment="1" applyProtection="1">
      <protection locked="0"/>
    </xf>
    <xf numFmtId="0" fontId="45" fillId="0" borderId="52" xfId="116" applyFont="1" applyBorder="1" applyAlignment="1" applyProtection="1">
      <protection locked="0"/>
    </xf>
    <xf numFmtId="0" fontId="46" fillId="0" borderId="52" xfId="116" applyFont="1" applyBorder="1" applyAlignment="1" applyProtection="1">
      <protection locked="0"/>
    </xf>
    <xf numFmtId="0" fontId="46" fillId="0" borderId="52" xfId="116" applyFont="1" applyBorder="1" applyAlignment="1" applyProtection="1">
      <alignment horizontal="center"/>
      <protection locked="0"/>
    </xf>
    <xf numFmtId="0" fontId="46" fillId="0" borderId="52" xfId="116" applyFont="1" applyBorder="1" applyAlignment="1" applyProtection="1">
      <alignment horizontal="right"/>
      <protection locked="0"/>
    </xf>
    <xf numFmtId="38" fontId="46" fillId="0" borderId="52" xfId="98" applyFont="1" applyBorder="1" applyAlignment="1" applyProtection="1">
      <alignment horizontal="right"/>
      <protection locked="0"/>
    </xf>
    <xf numFmtId="183" fontId="46" fillId="0" borderId="52" xfId="98" applyNumberFormat="1" applyFont="1" applyBorder="1" applyProtection="1">
      <protection locked="0"/>
    </xf>
    <xf numFmtId="0" fontId="46" fillId="0" borderId="53" xfId="116" applyFont="1" applyBorder="1" applyProtection="1">
      <protection locked="0"/>
    </xf>
    <xf numFmtId="0" fontId="11" fillId="0" borderId="0" xfId="116" applyFont="1"/>
    <xf numFmtId="0" fontId="11" fillId="0" borderId="0" xfId="116" applyFont="1" applyAlignment="1"/>
    <xf numFmtId="0" fontId="11" fillId="0" borderId="0" xfId="116" applyFont="1" applyAlignment="1">
      <alignment horizontal="right"/>
    </xf>
    <xf numFmtId="38" fontId="11" fillId="0" borderId="0" xfId="98" applyFont="1"/>
    <xf numFmtId="201" fontId="45" fillId="0" borderId="45" xfId="98" applyNumberFormat="1" applyFont="1" applyBorder="1" applyProtection="1">
      <protection locked="0"/>
    </xf>
    <xf numFmtId="9" fontId="45" fillId="0" borderId="27" xfId="116" applyNumberFormat="1" applyFont="1" applyBorder="1" applyAlignment="1" applyProtection="1">
      <alignment horizontal="center"/>
      <protection locked="0"/>
    </xf>
    <xf numFmtId="0" fontId="3" fillId="0" borderId="0" xfId="0" applyFont="1" applyAlignment="1">
      <alignment horizontal="right"/>
    </xf>
    <xf numFmtId="0" fontId="3" fillId="0" borderId="0" xfId="0" applyFont="1" applyBorder="1" applyAlignment="1">
      <alignment horizontal="left"/>
    </xf>
    <xf numFmtId="0" fontId="0" fillId="0" borderId="57" xfId="0" applyBorder="1" applyAlignment="1">
      <alignment horizontal="center" vertical="center"/>
    </xf>
    <xf numFmtId="0" fontId="0" fillId="0" borderId="35" xfId="0" applyBorder="1" applyAlignment="1">
      <alignment horizontal="center" vertical="center"/>
    </xf>
    <xf numFmtId="0" fontId="0" fillId="0" borderId="36" xfId="0" applyBorder="1" applyAlignment="1">
      <alignment horizontal="center" vertical="center"/>
    </xf>
    <xf numFmtId="0" fontId="0" fillId="0" borderId="37" xfId="0" applyBorder="1" applyAlignment="1">
      <alignment horizontal="center" vertical="center"/>
    </xf>
    <xf numFmtId="0" fontId="0" fillId="0" borderId="30" xfId="0" applyBorder="1" applyAlignment="1">
      <alignment horizontal="center" wrapText="1"/>
    </xf>
    <xf numFmtId="0" fontId="0" fillId="0" borderId="30" xfId="0" applyBorder="1" applyAlignment="1">
      <alignment wrapText="1"/>
    </xf>
    <xf numFmtId="40" fontId="3" fillId="0" borderId="28" xfId="98" applyNumberFormat="1" applyBorder="1"/>
    <xf numFmtId="40" fontId="3" fillId="0" borderId="55" xfId="98" applyNumberFormat="1" applyBorder="1" applyAlignment="1"/>
    <xf numFmtId="205" fontId="3" fillId="0" borderId="29" xfId="98" applyNumberFormat="1" applyBorder="1" applyAlignment="1"/>
    <xf numFmtId="40" fontId="3" fillId="0" borderId="28" xfId="98" applyNumberFormat="1" applyFont="1" applyBorder="1"/>
    <xf numFmtId="40" fontId="3" fillId="0" borderId="28" xfId="98" applyNumberFormat="1" applyBorder="1" applyAlignment="1">
      <alignment horizontal="center"/>
    </xf>
    <xf numFmtId="204" fontId="3" fillId="0" borderId="28" xfId="98" applyNumberFormat="1" applyBorder="1"/>
    <xf numFmtId="38" fontId="3" fillId="0" borderId="28" xfId="98" applyBorder="1" applyAlignment="1">
      <alignment horizontal="center"/>
    </xf>
    <xf numFmtId="38" fontId="3" fillId="0" borderId="55" xfId="98" applyBorder="1" applyAlignment="1">
      <alignment horizontal="center"/>
    </xf>
    <xf numFmtId="38" fontId="3" fillId="0" borderId="29" xfId="98" applyBorder="1" applyAlignment="1"/>
    <xf numFmtId="0" fontId="0" fillId="0" borderId="58" xfId="0" applyBorder="1" applyAlignment="1">
      <alignment horizontal="center" wrapText="1"/>
    </xf>
    <xf numFmtId="205" fontId="3" fillId="0" borderId="32" xfId="98" applyNumberFormat="1" applyBorder="1"/>
    <xf numFmtId="205" fontId="3" fillId="0" borderId="59" xfId="98" applyNumberFormat="1" applyBorder="1" applyAlignment="1"/>
    <xf numFmtId="0" fontId="0" fillId="0" borderId="60" xfId="0" applyBorder="1" applyAlignment="1">
      <alignment horizontal="center" wrapText="1"/>
    </xf>
    <xf numFmtId="205" fontId="3" fillId="0" borderId="61" xfId="98" applyNumberFormat="1" applyBorder="1" applyAlignment="1">
      <alignment horizontal="center"/>
    </xf>
    <xf numFmtId="38" fontId="3" fillId="0" borderId="61" xfId="98" applyBorder="1" applyAlignment="1">
      <alignment horizontal="center"/>
    </xf>
    <xf numFmtId="38" fontId="3" fillId="0" borderId="62" xfId="98" applyBorder="1" applyAlignment="1"/>
    <xf numFmtId="0" fontId="0" fillId="0" borderId="21" xfId="0" applyBorder="1"/>
    <xf numFmtId="0" fontId="3" fillId="0" borderId="21" xfId="0" applyFont="1" applyBorder="1" applyAlignment="1">
      <alignment horizontal="right"/>
    </xf>
    <xf numFmtId="0" fontId="3" fillId="0" borderId="21" xfId="0" applyFont="1" applyBorder="1" applyAlignment="1">
      <alignment horizontal="left"/>
    </xf>
    <xf numFmtId="0" fontId="0" fillId="0" borderId="23" xfId="0" applyBorder="1"/>
    <xf numFmtId="0" fontId="3" fillId="0" borderId="23" xfId="0" applyFont="1" applyBorder="1" applyAlignment="1">
      <alignment horizontal="right"/>
    </xf>
    <xf numFmtId="0" fontId="3" fillId="0" borderId="23" xfId="0" applyFont="1" applyBorder="1" applyAlignment="1">
      <alignment horizontal="left"/>
    </xf>
    <xf numFmtId="0" fontId="0" fillId="0" borderId="23" xfId="0" applyBorder="1" applyAlignment="1"/>
    <xf numFmtId="0" fontId="0" fillId="0" borderId="0" xfId="0" applyAlignment="1">
      <alignment horizontal="distributed" justifyLastLine="1"/>
    </xf>
    <xf numFmtId="0" fontId="0" fillId="0" borderId="0" xfId="0" applyAlignment="1">
      <alignment vertical="center"/>
    </xf>
    <xf numFmtId="9" fontId="3" fillId="0" borderId="30" xfId="89" applyBorder="1" applyAlignment="1">
      <alignment horizontal="center" wrapText="1"/>
    </xf>
    <xf numFmtId="9" fontId="3" fillId="0" borderId="30" xfId="89" applyFont="1" applyBorder="1" applyAlignment="1">
      <alignment horizontal="center" wrapText="1"/>
    </xf>
    <xf numFmtId="205" fontId="3" fillId="0" borderId="29" xfId="98" applyNumberFormat="1" applyBorder="1"/>
    <xf numFmtId="0" fontId="49" fillId="0" borderId="41" xfId="0" applyFont="1" applyBorder="1" applyAlignment="1">
      <alignment vertical="center" wrapText="1"/>
    </xf>
    <xf numFmtId="0" fontId="0" fillId="0" borderId="30" xfId="0" applyBorder="1" applyAlignment="1">
      <alignment horizontal="distributed" wrapText="1" justifyLastLine="1"/>
    </xf>
    <xf numFmtId="186" fontId="3" fillId="0" borderId="30" xfId="0" applyNumberFormat="1" applyFont="1" applyBorder="1" applyAlignment="1">
      <alignment horizontal="center" wrapText="1"/>
    </xf>
    <xf numFmtId="0" fontId="0" fillId="0" borderId="41" xfId="0" applyBorder="1" applyAlignment="1">
      <alignment vertical="center" wrapText="1"/>
    </xf>
    <xf numFmtId="0" fontId="3" fillId="0" borderId="30" xfId="0" applyFont="1" applyBorder="1" applyAlignment="1">
      <alignment horizontal="distributed" wrapText="1" justifyLastLine="1"/>
    </xf>
    <xf numFmtId="0" fontId="0" fillId="0" borderId="51" xfId="0" applyBorder="1" applyAlignment="1">
      <alignment vertical="center" wrapText="1"/>
    </xf>
    <xf numFmtId="0" fontId="0" fillId="0" borderId="61" xfId="0" applyBorder="1"/>
    <xf numFmtId="177" fontId="0" fillId="0" borderId="61" xfId="0" applyNumberFormat="1" applyBorder="1" applyAlignment="1">
      <alignment horizontal="center"/>
    </xf>
    <xf numFmtId="177" fontId="0" fillId="0" borderId="63" xfId="0" applyNumberFormat="1" applyBorder="1"/>
    <xf numFmtId="40" fontId="0" fillId="0" borderId="61" xfId="0" applyNumberFormat="1" applyBorder="1" applyAlignment="1">
      <alignment horizontal="center"/>
    </xf>
    <xf numFmtId="40" fontId="0" fillId="0" borderId="63" xfId="0" applyNumberFormat="1" applyBorder="1"/>
    <xf numFmtId="177" fontId="3" fillId="0" borderId="61" xfId="98" applyNumberFormat="1" applyBorder="1" applyAlignment="1">
      <alignment horizontal="center"/>
    </xf>
    <xf numFmtId="186" fontId="0" fillId="0" borderId="61" xfId="0" applyNumberFormat="1" applyBorder="1" applyAlignment="1">
      <alignment horizontal="center"/>
    </xf>
    <xf numFmtId="38" fontId="3" fillId="0" borderId="63" xfId="98" applyBorder="1"/>
    <xf numFmtId="0" fontId="0" fillId="0" borderId="64" xfId="0" applyBorder="1" applyAlignment="1">
      <alignment horizontal="center" vertical="center"/>
    </xf>
    <xf numFmtId="0" fontId="0" fillId="0" borderId="26" xfId="0" applyBorder="1" applyAlignment="1">
      <alignment horizontal="center" vertical="center"/>
    </xf>
    <xf numFmtId="0" fontId="0" fillId="0" borderId="54" xfId="0" applyBorder="1" applyAlignment="1">
      <alignment horizontal="center" vertical="center"/>
    </xf>
    <xf numFmtId="9" fontId="3" fillId="0" borderId="57" xfId="89" applyBorder="1" applyAlignment="1">
      <alignment horizontal="center" wrapText="1"/>
    </xf>
    <xf numFmtId="0" fontId="49" fillId="0" borderId="51" xfId="0" applyFont="1" applyBorder="1" applyAlignment="1">
      <alignment vertical="center" wrapText="1"/>
    </xf>
    <xf numFmtId="0" fontId="3" fillId="0" borderId="21" xfId="0" applyFont="1" applyBorder="1"/>
    <xf numFmtId="0" fontId="0" fillId="0" borderId="21" xfId="0" applyBorder="1" applyAlignment="1">
      <alignment horizontal="right"/>
    </xf>
    <xf numFmtId="203" fontId="3" fillId="0" borderId="35" xfId="98" applyNumberFormat="1" applyFont="1" applyBorder="1" applyAlignment="1">
      <alignment horizontal="center"/>
    </xf>
    <xf numFmtId="187" fontId="3" fillId="0" borderId="37" xfId="98" applyNumberFormat="1" applyBorder="1"/>
    <xf numFmtId="203" fontId="3" fillId="0" borderId="28" xfId="98" applyNumberFormat="1" applyBorder="1" applyAlignment="1">
      <alignment horizontal="center"/>
    </xf>
    <xf numFmtId="187" fontId="3" fillId="0" borderId="29" xfId="98" applyNumberFormat="1" applyBorder="1"/>
    <xf numFmtId="206" fontId="3" fillId="0" borderId="33" xfId="0" applyNumberFormat="1" applyFont="1" applyBorder="1"/>
    <xf numFmtId="40" fontId="0" fillId="0" borderId="63" xfId="0" applyNumberFormat="1" applyBorder="1" applyAlignment="1">
      <alignment horizontal="right"/>
    </xf>
    <xf numFmtId="204" fontId="3" fillId="0" borderId="33" xfId="98" applyNumberFormat="1" applyFont="1" applyBorder="1" applyAlignment="1">
      <alignment horizontal="right"/>
    </xf>
    <xf numFmtId="187" fontId="3" fillId="0" borderId="29" xfId="98" applyNumberFormat="1" applyBorder="1" applyAlignment="1"/>
    <xf numFmtId="208" fontId="2" fillId="0" borderId="32" xfId="0" applyNumberFormat="1" applyFont="1" applyBorder="1" applyAlignment="1">
      <alignment horizontal="center"/>
    </xf>
    <xf numFmtId="209" fontId="3" fillId="0" borderId="28" xfId="98" applyNumberFormat="1" applyBorder="1" applyAlignment="1">
      <alignment horizontal="right"/>
    </xf>
    <xf numFmtId="0" fontId="45" fillId="0" borderId="44" xfId="116" applyFont="1" applyBorder="1" applyAlignment="1" applyProtection="1">
      <alignment horizontal="center"/>
      <protection locked="0"/>
    </xf>
    <xf numFmtId="0" fontId="45" fillId="0" borderId="41" xfId="116" applyFont="1" applyBorder="1" applyAlignment="1" applyProtection="1">
      <alignment horizontal="center"/>
      <protection locked="0"/>
    </xf>
    <xf numFmtId="210" fontId="3" fillId="0" borderId="28" xfId="98" applyNumberFormat="1" applyBorder="1" applyAlignment="1">
      <alignment horizontal="center"/>
    </xf>
    <xf numFmtId="211" fontId="45" fillId="0" borderId="27" xfId="116" applyNumberFormat="1" applyFont="1" applyBorder="1" applyAlignment="1" applyProtection="1">
      <alignment horizontal="center" shrinkToFit="1"/>
      <protection locked="0"/>
    </xf>
    <xf numFmtId="207" fontId="3" fillId="0" borderId="65" xfId="0" applyNumberFormat="1" applyFont="1" applyBorder="1" applyAlignment="1">
      <alignment horizontal="left" wrapText="1" justifyLastLine="1"/>
    </xf>
    <xf numFmtId="4" fontId="3" fillId="0" borderId="48" xfId="0" applyNumberFormat="1" applyFont="1" applyBorder="1" applyAlignment="1">
      <alignment wrapText="1" justifyLastLine="1"/>
    </xf>
    <xf numFmtId="0" fontId="0" fillId="0" borderId="0" xfId="0" applyBorder="1"/>
    <xf numFmtId="0" fontId="3" fillId="0" borderId="0" xfId="0" applyFont="1" applyBorder="1" applyAlignment="1">
      <alignment horizontal="right"/>
    </xf>
    <xf numFmtId="0" fontId="0" fillId="0" borderId="0" xfId="0" applyBorder="1" applyAlignment="1"/>
    <xf numFmtId="209" fontId="3" fillId="0" borderId="61" xfId="98" applyNumberFormat="1" applyBorder="1" applyAlignment="1">
      <alignment horizontal="right"/>
    </xf>
    <xf numFmtId="209" fontId="3" fillId="0" borderId="63" xfId="98" applyNumberFormat="1" applyBorder="1" applyAlignment="1">
      <alignment horizontal="right"/>
    </xf>
    <xf numFmtId="204" fontId="3" fillId="0" borderId="55" xfId="98" applyNumberFormat="1" applyBorder="1" applyAlignment="1"/>
    <xf numFmtId="204" fontId="3" fillId="0" borderId="28" xfId="98" applyNumberFormat="1" applyFont="1" applyBorder="1"/>
    <xf numFmtId="0" fontId="49" fillId="0" borderId="41" xfId="0" applyFont="1" applyBorder="1" applyAlignment="1">
      <alignment horizontal="left" vertical="center" indent="1"/>
    </xf>
    <xf numFmtId="0" fontId="49" fillId="0" borderId="51" xfId="0" applyFont="1" applyBorder="1" applyAlignment="1">
      <alignment horizontal="left" vertical="center" indent="1"/>
    </xf>
    <xf numFmtId="202" fontId="49" fillId="0" borderId="41" xfId="0" applyNumberFormat="1" applyFont="1" applyBorder="1" applyAlignment="1">
      <alignment horizontal="center" vertical="center"/>
    </xf>
    <xf numFmtId="202" fontId="49" fillId="0" borderId="41" xfId="0" applyNumberFormat="1" applyFont="1" applyBorder="1" applyAlignment="1">
      <alignment horizontal="center" vertical="center" wrapText="1"/>
    </xf>
    <xf numFmtId="202" fontId="0" fillId="0" borderId="41" xfId="0" applyNumberFormat="1" applyBorder="1" applyAlignment="1">
      <alignment horizontal="center" vertical="center" wrapText="1"/>
    </xf>
    <xf numFmtId="0" fontId="50" fillId="0" borderId="73" xfId="0" applyFont="1" applyBorder="1" applyAlignment="1">
      <alignment horizontal="left" vertical="center" wrapText="1"/>
    </xf>
    <xf numFmtId="0" fontId="45" fillId="0" borderId="40" xfId="116" applyFont="1" applyBorder="1" applyAlignment="1" applyProtection="1">
      <alignment horizontal="left" vertical="center"/>
      <protection locked="0"/>
    </xf>
    <xf numFmtId="0" fontId="45" fillId="0" borderId="43" xfId="116" applyFont="1" applyBorder="1" applyAlignment="1" applyProtection="1">
      <alignment horizontal="left" vertical="center"/>
      <protection locked="0"/>
    </xf>
    <xf numFmtId="0" fontId="46" fillId="0" borderId="0" xfId="116" applyFont="1" applyAlignment="1">
      <alignment horizontal="left" vertical="center"/>
    </xf>
    <xf numFmtId="0" fontId="46" fillId="0" borderId="0" xfId="116" applyFont="1" applyAlignment="1">
      <alignment horizontal="left"/>
    </xf>
    <xf numFmtId="180" fontId="45" fillId="0" borderId="39" xfId="98" applyNumberFormat="1" applyFont="1" applyBorder="1" applyAlignment="1" applyProtection="1">
      <alignment horizontal="right" vertical="center"/>
      <protection locked="0"/>
    </xf>
    <xf numFmtId="180" fontId="45" fillId="0" borderId="42" xfId="98" applyNumberFormat="1" applyFont="1" applyBorder="1" applyAlignment="1" applyProtection="1">
      <alignment horizontal="right" vertical="center"/>
      <protection locked="0"/>
    </xf>
    <xf numFmtId="212" fontId="46" fillId="0" borderId="0" xfId="116" applyNumberFormat="1" applyFont="1"/>
    <xf numFmtId="213" fontId="46" fillId="0" borderId="0" xfId="116" applyNumberFormat="1" applyFont="1"/>
    <xf numFmtId="183" fontId="46" fillId="0" borderId="0" xfId="116" applyNumberFormat="1" applyFont="1"/>
    <xf numFmtId="38" fontId="46" fillId="0" borderId="0" xfId="98" applyFont="1"/>
    <xf numFmtId="0" fontId="4" fillId="0" borderId="0" xfId="120" applyFont="1" applyAlignment="1">
      <alignment vertical="center"/>
    </xf>
    <xf numFmtId="0" fontId="49" fillId="0" borderId="0" xfId="120" applyFont="1" applyAlignment="1">
      <alignment horizontal="center" vertical="center"/>
    </xf>
    <xf numFmtId="0" fontId="4" fillId="0" borderId="0" xfId="120" applyFont="1" applyBorder="1" applyAlignment="1">
      <alignment horizontal="center" vertical="center"/>
    </xf>
    <xf numFmtId="0" fontId="4" fillId="0" borderId="0" xfId="120" applyFont="1" applyBorder="1" applyAlignment="1">
      <alignment vertical="center"/>
    </xf>
    <xf numFmtId="0" fontId="48" fillId="0" borderId="77" xfId="120" applyFont="1" applyBorder="1" applyAlignment="1">
      <alignment vertical="center"/>
    </xf>
    <xf numFmtId="180" fontId="54" fillId="0" borderId="77" xfId="120" applyNumberFormat="1" applyFont="1" applyBorder="1" applyAlignment="1">
      <alignment vertical="center"/>
    </xf>
    <xf numFmtId="5" fontId="4" fillId="0" borderId="77" xfId="120" applyNumberFormat="1" applyFont="1" applyBorder="1" applyAlignment="1">
      <alignment vertical="center"/>
    </xf>
    <xf numFmtId="0" fontId="48" fillId="0" borderId="0" xfId="120" applyFont="1" applyBorder="1" applyAlignment="1">
      <alignment vertical="center"/>
    </xf>
    <xf numFmtId="0" fontId="31" fillId="0" borderId="0" xfId="120" applyFont="1" applyBorder="1" applyAlignment="1">
      <alignment vertical="center"/>
    </xf>
    <xf numFmtId="0" fontId="31" fillId="0" borderId="0" xfId="120" applyFont="1" applyBorder="1" applyAlignment="1">
      <alignment horizontal="right" vertical="center"/>
    </xf>
    <xf numFmtId="0" fontId="4" fillId="0" borderId="75" xfId="120" applyFont="1" applyBorder="1" applyAlignment="1">
      <alignment horizontal="center" vertical="center"/>
    </xf>
    <xf numFmtId="0" fontId="4" fillId="0" borderId="75" xfId="120" applyFont="1" applyBorder="1" applyAlignment="1">
      <alignment vertical="center"/>
    </xf>
    <xf numFmtId="0" fontId="4" fillId="0" borderId="0" xfId="120" applyFont="1" applyBorder="1" applyAlignment="1">
      <alignment horizontal="right" vertical="center"/>
    </xf>
    <xf numFmtId="0" fontId="4" fillId="0" borderId="0" xfId="120" applyFont="1" applyAlignment="1">
      <alignment horizontal="center" vertical="center"/>
    </xf>
    <xf numFmtId="0" fontId="55" fillId="0" borderId="0" xfId="120" applyFont="1" applyAlignment="1">
      <alignment vertical="center"/>
    </xf>
    <xf numFmtId="0" fontId="55" fillId="0" borderId="0" xfId="120" applyFont="1" applyAlignment="1">
      <alignment horizontal="center" vertical="center"/>
    </xf>
    <xf numFmtId="226" fontId="45" fillId="0" borderId="27" xfId="116" applyNumberFormat="1" applyFont="1" applyBorder="1" applyAlignment="1" applyProtection="1">
      <alignment horizontal="center" shrinkToFit="1"/>
      <protection locked="0"/>
    </xf>
    <xf numFmtId="0" fontId="31" fillId="0" borderId="35" xfId="120" applyFont="1" applyBorder="1" applyAlignment="1">
      <alignment horizontal="center" vertical="center"/>
    </xf>
    <xf numFmtId="0" fontId="31" fillId="0" borderId="37" xfId="120" applyFont="1" applyBorder="1" applyAlignment="1">
      <alignment horizontal="center" vertical="center"/>
    </xf>
    <xf numFmtId="0" fontId="31" fillId="0" borderId="28" xfId="120" applyFont="1" applyBorder="1" applyAlignment="1">
      <alignment horizontal="center" vertical="center"/>
    </xf>
    <xf numFmtId="0" fontId="31" fillId="0" borderId="29" xfId="120" applyFont="1" applyBorder="1" applyAlignment="1">
      <alignment horizontal="center" vertical="center"/>
    </xf>
    <xf numFmtId="0" fontId="4" fillId="0" borderId="70" xfId="120" applyFont="1" applyBorder="1" applyAlignment="1">
      <alignment horizontal="center" vertical="center"/>
    </xf>
    <xf numFmtId="0" fontId="4" fillId="0" borderId="45" xfId="120" applyFont="1" applyBorder="1" applyAlignment="1">
      <alignment horizontal="center" vertical="center"/>
    </xf>
    <xf numFmtId="0" fontId="31" fillId="0" borderId="22" xfId="120" applyFont="1" applyBorder="1" applyAlignment="1">
      <alignment horizontal="right" vertical="center"/>
    </xf>
    <xf numFmtId="0" fontId="31" fillId="0" borderId="74" xfId="120" applyFont="1" applyBorder="1" applyAlignment="1">
      <alignment horizontal="right" vertical="center"/>
    </xf>
    <xf numFmtId="0" fontId="31" fillId="0" borderId="1" xfId="120" applyFont="1" applyBorder="1" applyAlignment="1">
      <alignment horizontal="right" vertical="center"/>
    </xf>
    <xf numFmtId="0" fontId="31" fillId="0" borderId="75" xfId="120" applyFont="1" applyBorder="1" applyAlignment="1">
      <alignment horizontal="right" vertical="center"/>
    </xf>
    <xf numFmtId="0" fontId="31" fillId="0" borderId="74" xfId="120" applyFont="1" applyBorder="1" applyAlignment="1">
      <alignment horizontal="center" vertical="center"/>
    </xf>
    <xf numFmtId="0" fontId="31" fillId="0" borderId="75" xfId="120" applyFont="1" applyBorder="1" applyAlignment="1">
      <alignment horizontal="center" vertical="center"/>
    </xf>
    <xf numFmtId="0" fontId="31" fillId="0" borderId="74" xfId="120" applyFont="1" applyBorder="1" applyAlignment="1">
      <alignment horizontal="left" vertical="center"/>
    </xf>
    <xf numFmtId="0" fontId="31" fillId="0" borderId="64" xfId="120" applyFont="1" applyBorder="1" applyAlignment="1">
      <alignment horizontal="left" vertical="center"/>
    </xf>
    <xf numFmtId="0" fontId="31" fillId="0" borderId="75" xfId="120" applyFont="1" applyBorder="1" applyAlignment="1">
      <alignment horizontal="left" vertical="center"/>
    </xf>
    <xf numFmtId="0" fontId="31" fillId="0" borderId="70" xfId="120" applyFont="1" applyBorder="1" applyAlignment="1">
      <alignment horizontal="left" vertical="center"/>
    </xf>
    <xf numFmtId="0" fontId="4" fillId="0" borderId="26" xfId="120" applyFont="1" applyBorder="1" applyAlignment="1">
      <alignment horizontal="center" vertical="center"/>
    </xf>
    <xf numFmtId="0" fontId="53" fillId="0" borderId="35" xfId="120" applyFont="1" applyBorder="1" applyAlignment="1">
      <alignment horizontal="center" vertical="center"/>
    </xf>
    <xf numFmtId="0" fontId="53" fillId="0" borderId="28" xfId="120" applyFont="1" applyBorder="1" applyAlignment="1">
      <alignment horizontal="center" vertical="center"/>
    </xf>
    <xf numFmtId="0" fontId="4" fillId="0" borderId="76" xfId="120" applyNumberFormat="1" applyFont="1" applyBorder="1" applyAlignment="1">
      <alignment horizontal="center" vertical="center"/>
    </xf>
    <xf numFmtId="0" fontId="4" fillId="0" borderId="31" xfId="120" applyNumberFormat="1" applyFont="1" applyBorder="1" applyAlignment="1">
      <alignment horizontal="center" vertical="center"/>
    </xf>
    <xf numFmtId="0" fontId="31" fillId="0" borderId="48" xfId="120" applyFont="1" applyBorder="1" applyAlignment="1">
      <alignment horizontal="center" vertical="center"/>
    </xf>
    <xf numFmtId="0" fontId="31" fillId="0" borderId="77" xfId="120" applyFont="1" applyBorder="1" applyAlignment="1">
      <alignment horizontal="center" vertical="center"/>
    </xf>
    <xf numFmtId="0" fontId="31" fillId="0" borderId="65" xfId="120" applyFont="1" applyBorder="1" applyAlignment="1">
      <alignment horizontal="center" vertical="center"/>
    </xf>
    <xf numFmtId="0" fontId="31" fillId="0" borderId="49" xfId="120" applyFont="1" applyBorder="1" applyAlignment="1">
      <alignment horizontal="center" vertical="center"/>
    </xf>
    <xf numFmtId="0" fontId="31" fillId="0" borderId="0" xfId="120" applyFont="1" applyBorder="1" applyAlignment="1">
      <alignment horizontal="center" vertical="center"/>
    </xf>
    <xf numFmtId="0" fontId="31" fillId="0" borderId="78" xfId="120" applyFont="1" applyBorder="1" applyAlignment="1">
      <alignment horizontal="center" vertical="center"/>
    </xf>
    <xf numFmtId="0" fontId="31" fillId="0" borderId="50" xfId="120" applyFont="1" applyBorder="1" applyAlignment="1">
      <alignment horizontal="center" vertical="center"/>
    </xf>
    <xf numFmtId="0" fontId="31" fillId="0" borderId="70" xfId="120" applyFont="1" applyBorder="1" applyAlignment="1">
      <alignment horizontal="center" vertical="center"/>
    </xf>
    <xf numFmtId="0" fontId="4" fillId="0" borderId="28" xfId="120" applyFont="1" applyBorder="1" applyAlignment="1">
      <alignment horizontal="center" vertical="center"/>
    </xf>
    <xf numFmtId="0" fontId="4" fillId="0" borderId="55" xfId="120" applyFont="1" applyBorder="1" applyAlignment="1">
      <alignment horizontal="center" vertical="center"/>
    </xf>
    <xf numFmtId="0" fontId="4" fillId="0" borderId="30" xfId="120" applyFont="1" applyBorder="1" applyAlignment="1">
      <alignment horizontal="center" vertical="center"/>
    </xf>
    <xf numFmtId="0" fontId="4" fillId="0" borderId="29" xfId="120" applyFont="1" applyBorder="1" applyAlignment="1">
      <alignment horizontal="center" vertical="center"/>
    </xf>
    <xf numFmtId="0" fontId="4" fillId="0" borderId="28" xfId="120" applyFont="1" applyBorder="1" applyAlignment="1">
      <alignment horizontal="center" vertical="center" wrapText="1"/>
    </xf>
    <xf numFmtId="0" fontId="4" fillId="0" borderId="48" xfId="120" applyFont="1" applyBorder="1" applyAlignment="1">
      <alignment horizontal="center" vertical="center"/>
    </xf>
    <xf numFmtId="0" fontId="4" fillId="0" borderId="79" xfId="120" applyFont="1" applyBorder="1" applyAlignment="1">
      <alignment horizontal="center" vertical="center"/>
    </xf>
    <xf numFmtId="0" fontId="4" fillId="0" borderId="49" xfId="120" applyFont="1" applyBorder="1" applyAlignment="1">
      <alignment horizontal="center" vertical="center"/>
    </xf>
    <xf numFmtId="0" fontId="4" fillId="0" borderId="20" xfId="120" applyFont="1" applyBorder="1" applyAlignment="1">
      <alignment horizontal="center" vertical="center"/>
    </xf>
    <xf numFmtId="0" fontId="4" fillId="0" borderId="50" xfId="120" applyFont="1" applyBorder="1" applyAlignment="1">
      <alignment horizontal="center" vertical="center"/>
    </xf>
    <xf numFmtId="0" fontId="4" fillId="0" borderId="80" xfId="120" applyFont="1" applyBorder="1" applyAlignment="1">
      <alignment horizontal="center" vertical="center"/>
    </xf>
    <xf numFmtId="0" fontId="44" fillId="0" borderId="48" xfId="120" applyFont="1" applyBorder="1" applyAlignment="1">
      <alignment horizontal="center" vertical="center"/>
    </xf>
    <xf numFmtId="0" fontId="44" fillId="0" borderId="77" xfId="120" applyFont="1" applyBorder="1" applyAlignment="1">
      <alignment horizontal="center" vertical="center"/>
    </xf>
    <xf numFmtId="0" fontId="44" fillId="0" borderId="65" xfId="120" applyFont="1" applyBorder="1" applyAlignment="1">
      <alignment horizontal="center" vertical="center"/>
    </xf>
    <xf numFmtId="0" fontId="44" fillId="0" borderId="49" xfId="120" applyFont="1" applyBorder="1" applyAlignment="1">
      <alignment horizontal="center" vertical="center"/>
    </xf>
    <xf numFmtId="0" fontId="44" fillId="0" borderId="0" xfId="120" applyFont="1" applyBorder="1" applyAlignment="1">
      <alignment horizontal="center" vertical="center"/>
    </xf>
    <xf numFmtId="0" fontId="44" fillId="0" borderId="78" xfId="120" applyFont="1" applyBorder="1" applyAlignment="1">
      <alignment horizontal="center" vertical="center"/>
    </xf>
    <xf numFmtId="0" fontId="44" fillId="0" borderId="50" xfId="120" applyFont="1" applyBorder="1" applyAlignment="1">
      <alignment horizontal="center" vertical="center"/>
    </xf>
    <xf numFmtId="0" fontId="44" fillId="0" borderId="75" xfId="120" applyFont="1" applyBorder="1" applyAlignment="1">
      <alignment horizontal="center" vertical="center"/>
    </xf>
    <xf numFmtId="0" fontId="44" fillId="0" borderId="70" xfId="120" applyFont="1" applyBorder="1" applyAlignment="1">
      <alignment horizontal="center" vertical="center"/>
    </xf>
    <xf numFmtId="0" fontId="4" fillId="0" borderId="77" xfId="120" applyFont="1" applyBorder="1" applyAlignment="1">
      <alignment horizontal="center" vertical="center"/>
    </xf>
    <xf numFmtId="0" fontId="4" fillId="0" borderId="75" xfId="120" applyFont="1" applyBorder="1" applyAlignment="1">
      <alignment horizontal="center" vertical="center"/>
    </xf>
    <xf numFmtId="3" fontId="31" fillId="0" borderId="0" xfId="120" applyNumberFormat="1" applyFont="1" applyBorder="1" applyAlignment="1">
      <alignment horizontal="center" vertical="center"/>
    </xf>
    <xf numFmtId="0" fontId="4" fillId="0" borderId="46" xfId="120" applyFont="1" applyBorder="1" applyAlignment="1">
      <alignment horizontal="center" vertical="center"/>
    </xf>
    <xf numFmtId="0" fontId="4" fillId="0" borderId="65" xfId="120" applyFont="1" applyBorder="1" applyAlignment="1">
      <alignment horizontal="center" vertical="center"/>
    </xf>
    <xf numFmtId="0" fontId="4" fillId="0" borderId="1" xfId="120" applyFont="1" applyBorder="1" applyAlignment="1">
      <alignment horizontal="center" vertical="center"/>
    </xf>
    <xf numFmtId="0" fontId="48" fillId="0" borderId="46" xfId="120" applyFont="1" applyBorder="1" applyAlignment="1">
      <alignment horizontal="left" vertical="top" wrapText="1"/>
    </xf>
    <xf numFmtId="0" fontId="48" fillId="0" borderId="77" xfId="120" applyFont="1" applyBorder="1" applyAlignment="1">
      <alignment horizontal="left" vertical="top" wrapText="1"/>
    </xf>
    <xf numFmtId="0" fontId="48" fillId="0" borderId="65" xfId="120" applyFont="1" applyBorder="1" applyAlignment="1">
      <alignment horizontal="left" vertical="top" wrapText="1"/>
    </xf>
    <xf numFmtId="0" fontId="48" fillId="0" borderId="19" xfId="120" applyFont="1" applyBorder="1" applyAlignment="1">
      <alignment horizontal="left" vertical="top" wrapText="1"/>
    </xf>
    <xf numFmtId="0" fontId="48" fillId="0" borderId="0" xfId="120" applyFont="1" applyBorder="1" applyAlignment="1">
      <alignment horizontal="left" vertical="top" wrapText="1"/>
    </xf>
    <xf numFmtId="0" fontId="48" fillId="0" borderId="78" xfId="120" applyFont="1" applyBorder="1" applyAlignment="1">
      <alignment horizontal="left" vertical="top" wrapText="1"/>
    </xf>
    <xf numFmtId="0" fontId="48" fillId="0" borderId="15" xfId="120" applyFont="1" applyBorder="1" applyAlignment="1">
      <alignment horizontal="left" vertical="top" wrapText="1"/>
    </xf>
    <xf numFmtId="0" fontId="48" fillId="0" borderId="21" xfId="120" applyFont="1" applyBorder="1" applyAlignment="1">
      <alignment horizontal="left" vertical="top" wrapText="1"/>
    </xf>
    <xf numFmtId="0" fontId="48" fillId="0" borderId="72" xfId="120" applyFont="1" applyBorder="1" applyAlignment="1">
      <alignment horizontal="left" vertical="top" wrapText="1"/>
    </xf>
    <xf numFmtId="0" fontId="48" fillId="0" borderId="48" xfId="120" applyFont="1" applyBorder="1" applyAlignment="1">
      <alignment vertical="top" wrapText="1"/>
    </xf>
    <xf numFmtId="0" fontId="48" fillId="0" borderId="77" xfId="120" applyFont="1" applyBorder="1" applyAlignment="1">
      <alignment vertical="top" wrapText="1"/>
    </xf>
    <xf numFmtId="0" fontId="48" fillId="0" borderId="79" xfId="120" applyFont="1" applyBorder="1" applyAlignment="1">
      <alignment vertical="top" wrapText="1"/>
    </xf>
    <xf numFmtId="0" fontId="48" fillId="0" borderId="49" xfId="120" applyFont="1" applyBorder="1" applyAlignment="1">
      <alignment vertical="top" wrapText="1"/>
    </xf>
    <xf numFmtId="0" fontId="48" fillId="0" borderId="0" xfId="120" applyFont="1" applyBorder="1" applyAlignment="1">
      <alignment vertical="top" wrapText="1"/>
    </xf>
    <xf numFmtId="0" fontId="48" fillId="0" borderId="20" xfId="120" applyFont="1" applyBorder="1" applyAlignment="1">
      <alignment vertical="top" wrapText="1"/>
    </xf>
    <xf numFmtId="0" fontId="48" fillId="0" borderId="71" xfId="120" applyFont="1" applyBorder="1" applyAlignment="1">
      <alignment vertical="top" wrapText="1"/>
    </xf>
    <xf numFmtId="0" fontId="48" fillId="0" borderId="21" xfId="120" applyFont="1" applyBorder="1" applyAlignment="1">
      <alignment vertical="top" wrapText="1"/>
    </xf>
    <xf numFmtId="0" fontId="48" fillId="0" borderId="16" xfId="120" applyFont="1" applyBorder="1" applyAlignment="1">
      <alignment vertical="top" wrapText="1"/>
    </xf>
    <xf numFmtId="0" fontId="4" fillId="0" borderId="0" xfId="120" applyFont="1" applyBorder="1" applyAlignment="1">
      <alignment horizontal="center" vertical="center"/>
    </xf>
    <xf numFmtId="214" fontId="9" fillId="0" borderId="0" xfId="121" applyNumberFormat="1" applyFont="1" applyBorder="1" applyAlignment="1">
      <alignment horizontal="center" vertical="center"/>
    </xf>
    <xf numFmtId="0" fontId="0" fillId="0" borderId="66" xfId="0" applyBorder="1" applyAlignment="1">
      <alignment horizontal="center" wrapText="1"/>
    </xf>
    <xf numFmtId="0" fontId="0" fillId="0" borderId="30" xfId="0" applyBorder="1" applyAlignment="1">
      <alignment horizontal="center" wrapText="1"/>
    </xf>
    <xf numFmtId="0" fontId="0" fillId="0" borderId="67" xfId="0" applyBorder="1" applyAlignment="1">
      <alignment horizontal="center" wrapText="1"/>
    </xf>
    <xf numFmtId="0" fontId="0" fillId="0" borderId="58" xfId="0" applyBorder="1" applyAlignment="1">
      <alignment horizontal="center" wrapText="1"/>
    </xf>
    <xf numFmtId="0" fontId="0" fillId="0" borderId="25" xfId="0" applyBorder="1" applyAlignment="1">
      <alignment horizontal="center" wrapText="1"/>
    </xf>
    <xf numFmtId="0" fontId="0" fillId="0" borderId="60" xfId="0" applyBorder="1" applyAlignment="1">
      <alignment horizontal="center" wrapText="1"/>
    </xf>
    <xf numFmtId="0" fontId="0" fillId="0" borderId="66" xfId="0" applyBorder="1" applyAlignment="1">
      <alignment horizontal="left" wrapText="1"/>
    </xf>
    <xf numFmtId="0" fontId="0" fillId="0" borderId="30" xfId="0" applyBorder="1" applyAlignment="1">
      <alignment horizontal="left" wrapText="1"/>
    </xf>
    <xf numFmtId="0" fontId="3" fillId="0" borderId="21" xfId="0" applyFont="1" applyBorder="1" applyAlignment="1">
      <alignment horizontal="center"/>
    </xf>
    <xf numFmtId="0" fontId="0" fillId="0" borderId="68" xfId="0" applyBorder="1" applyAlignment="1">
      <alignment horizontal="center" vertical="center"/>
    </xf>
    <xf numFmtId="0" fontId="0" fillId="0" borderId="57" xfId="0" applyBorder="1" applyAlignment="1">
      <alignment horizontal="center" vertical="center"/>
    </xf>
    <xf numFmtId="0" fontId="3" fillId="0" borderId="23" xfId="0" applyFont="1" applyBorder="1" applyAlignment="1">
      <alignment horizontal="center"/>
    </xf>
    <xf numFmtId="0" fontId="50" fillId="0" borderId="66" xfId="0" applyFont="1" applyBorder="1" applyAlignment="1">
      <alignment horizontal="left" wrapText="1"/>
    </xf>
    <xf numFmtId="0" fontId="50" fillId="0" borderId="30" xfId="0" applyFont="1" applyBorder="1" applyAlignment="1">
      <alignment horizontal="left" wrapText="1"/>
    </xf>
    <xf numFmtId="0" fontId="3" fillId="0" borderId="0" xfId="0" applyFont="1" applyBorder="1" applyAlignment="1">
      <alignment horizontal="center"/>
    </xf>
    <xf numFmtId="0" fontId="0" fillId="0" borderId="69" xfId="0" applyBorder="1" applyAlignment="1">
      <alignment horizontal="center" wrapText="1"/>
    </xf>
    <xf numFmtId="0" fontId="0" fillId="0" borderId="61" xfId="0" applyBorder="1" applyAlignment="1">
      <alignment horizontal="center"/>
    </xf>
    <xf numFmtId="0" fontId="0" fillId="0" borderId="36" xfId="0" applyBorder="1" applyAlignment="1">
      <alignment horizontal="distributed" wrapText="1"/>
    </xf>
    <xf numFmtId="0" fontId="0" fillId="0" borderId="57" xfId="0" applyBorder="1" applyAlignment="1">
      <alignment horizontal="distributed" wrapText="1"/>
    </xf>
    <xf numFmtId="0" fontId="0" fillId="0" borderId="65" xfId="0" applyBorder="1" applyAlignment="1">
      <alignment horizontal="distributed" vertical="center" wrapText="1" justifyLastLine="1"/>
    </xf>
    <xf numFmtId="0" fontId="0" fillId="0" borderId="70" xfId="0" applyBorder="1" applyAlignment="1">
      <alignment horizontal="distributed" vertical="center" wrapText="1" justifyLastLine="1"/>
    </xf>
    <xf numFmtId="0" fontId="0" fillId="0" borderId="56" xfId="0" applyBorder="1" applyAlignment="1">
      <alignment horizontal="distributed" wrapText="1"/>
    </xf>
    <xf numFmtId="0" fontId="0" fillId="0" borderId="30" xfId="0" applyBorder="1" applyAlignment="1">
      <alignment horizontal="distributed" wrapText="1"/>
    </xf>
    <xf numFmtId="0" fontId="3" fillId="0" borderId="56" xfId="0" applyFont="1" applyBorder="1" applyAlignment="1">
      <alignment horizontal="distributed" wrapText="1"/>
    </xf>
    <xf numFmtId="0" fontId="3" fillId="0" borderId="30" xfId="0" applyFont="1" applyBorder="1" applyAlignment="1">
      <alignment horizontal="distributed" wrapText="1"/>
    </xf>
    <xf numFmtId="0" fontId="3" fillId="0" borderId="36" xfId="0" applyFont="1" applyBorder="1" applyAlignment="1">
      <alignment horizontal="distributed" wrapText="1"/>
    </xf>
    <xf numFmtId="0" fontId="3" fillId="0" borderId="57" xfId="0" applyFont="1" applyBorder="1" applyAlignment="1">
      <alignment horizontal="distributed" wrapText="1"/>
    </xf>
    <xf numFmtId="0" fontId="3" fillId="0" borderId="65" xfId="0" applyFont="1" applyBorder="1" applyAlignment="1">
      <alignment horizontal="distributed" vertical="center" wrapText="1" justifyLastLine="1"/>
    </xf>
    <xf numFmtId="0" fontId="3" fillId="0" borderId="70" xfId="0" applyFont="1" applyBorder="1" applyAlignment="1">
      <alignment horizontal="distributed" vertical="center" wrapText="1" justifyLastLine="1"/>
    </xf>
    <xf numFmtId="0" fontId="0" fillId="0" borderId="69" xfId="0" applyBorder="1" applyAlignment="1">
      <alignment horizontal="center"/>
    </xf>
    <xf numFmtId="0" fontId="49" fillId="0" borderId="69" xfId="0" applyFont="1" applyBorder="1" applyAlignment="1">
      <alignment horizontal="center" wrapText="1"/>
    </xf>
    <xf numFmtId="0" fontId="49" fillId="0" borderId="61" xfId="0" applyFont="1" applyBorder="1" applyAlignment="1">
      <alignment horizontal="center"/>
    </xf>
    <xf numFmtId="0" fontId="0" fillId="0" borderId="25" xfId="0" applyBorder="1" applyAlignment="1">
      <alignment horizontal="center"/>
    </xf>
    <xf numFmtId="0" fontId="0" fillId="0" borderId="4" xfId="0" applyBorder="1" applyAlignment="1">
      <alignment horizontal="center"/>
    </xf>
    <xf numFmtId="0" fontId="0" fillId="0" borderId="60" xfId="0" applyBorder="1" applyAlignment="1">
      <alignment horizontal="center"/>
    </xf>
    <xf numFmtId="0" fontId="0" fillId="0" borderId="21" xfId="0" applyBorder="1" applyAlignment="1">
      <alignment horizontal="center" wrapText="1"/>
    </xf>
    <xf numFmtId="0" fontId="0" fillId="0" borderId="21" xfId="0" applyBorder="1" applyAlignment="1">
      <alignment horizontal="center"/>
    </xf>
    <xf numFmtId="0" fontId="3" fillId="0" borderId="71" xfId="0" applyFont="1" applyBorder="1" applyAlignment="1">
      <alignment horizontal="center" wrapText="1" justifyLastLine="1"/>
    </xf>
    <xf numFmtId="0" fontId="3" fillId="0" borderId="72" xfId="0" applyFont="1" applyBorder="1" applyAlignment="1">
      <alignment horizontal="center" wrapText="1" justifyLastLine="1"/>
    </xf>
    <xf numFmtId="0" fontId="3" fillId="0" borderId="21" xfId="0" applyFont="1" applyBorder="1" applyAlignment="1">
      <alignment horizontal="left"/>
    </xf>
    <xf numFmtId="0" fontId="0" fillId="0" borderId="22" xfId="0" applyBorder="1" applyAlignment="1">
      <alignment horizontal="distributed" vertical="center" justifyLastLine="1"/>
    </xf>
    <xf numFmtId="0" fontId="0" fillId="0" borderId="23" xfId="0" applyBorder="1" applyAlignment="1">
      <alignment horizontal="distributed" vertical="center" justifyLastLine="1"/>
    </xf>
    <xf numFmtId="0" fontId="0" fillId="0" borderId="64" xfId="0" applyBorder="1" applyAlignment="1">
      <alignment horizontal="distributed" vertical="center" justifyLastLine="1"/>
    </xf>
  </cellXfs>
  <cellStyles count="285">
    <cellStyle name="??" xfId="1"/>
    <cellStyle name="?? [0.00]_PERSONAL" xfId="2"/>
    <cellStyle name="???? [0.00]_PERSONAL" xfId="3"/>
    <cellStyle name="????_PERSONAL" xfId="4"/>
    <cellStyle name="??_PERSONAL" xfId="5"/>
    <cellStyle name="=C:\WINDOWS\SYSTEM32\COMMAND.COM" xfId="6"/>
    <cellStyle name="æØè [0.00]" xfId="122"/>
    <cellStyle name="ÊÝ [0.00]" xfId="123"/>
    <cellStyle name="0.000" xfId="7"/>
    <cellStyle name="121" xfId="124"/>
    <cellStyle name="20% - アクセント 1" xfId="8" builtinId="30" customBuiltin="1"/>
    <cellStyle name="20% - アクセント 1 2" xfId="125"/>
    <cellStyle name="20% - アクセント 2" xfId="9" builtinId="34" customBuiltin="1"/>
    <cellStyle name="20% - アクセント 2 2" xfId="126"/>
    <cellStyle name="20% - アクセント 3" xfId="10" builtinId="38" customBuiltin="1"/>
    <cellStyle name="20% - アクセント 3 2" xfId="127"/>
    <cellStyle name="20% - アクセント 4" xfId="11" builtinId="42" customBuiltin="1"/>
    <cellStyle name="20% - アクセント 4 2" xfId="128"/>
    <cellStyle name="20% - アクセント 5" xfId="12" builtinId="46" customBuiltin="1"/>
    <cellStyle name="20% - アクセント 5 2" xfId="129"/>
    <cellStyle name="20% - アクセント 6" xfId="13" builtinId="50" customBuiltin="1"/>
    <cellStyle name="20% - アクセント 6 2" xfId="130"/>
    <cellStyle name="40% - アクセント 1" xfId="14" builtinId="31" customBuiltin="1"/>
    <cellStyle name="40% - アクセント 1 2" xfId="131"/>
    <cellStyle name="40% - アクセント 2" xfId="15" builtinId="35" customBuiltin="1"/>
    <cellStyle name="40% - アクセント 2 2" xfId="132"/>
    <cellStyle name="40% - アクセント 3" xfId="16" builtinId="39" customBuiltin="1"/>
    <cellStyle name="40% - アクセント 3 2" xfId="133"/>
    <cellStyle name="40% - アクセント 4" xfId="17" builtinId="43" customBuiltin="1"/>
    <cellStyle name="40% - アクセント 4 2" xfId="134"/>
    <cellStyle name="40% - アクセント 5" xfId="18" builtinId="47" customBuiltin="1"/>
    <cellStyle name="40% - アクセント 5 2" xfId="135"/>
    <cellStyle name="40% - アクセント 6" xfId="19" builtinId="51" customBuiltin="1"/>
    <cellStyle name="40% - アクセント 6 2" xfId="136"/>
    <cellStyle name="60% - アクセント 1" xfId="20" builtinId="32" customBuiltin="1"/>
    <cellStyle name="60% - アクセント 1 2" xfId="137"/>
    <cellStyle name="60% - アクセント 2" xfId="21" builtinId="36" customBuiltin="1"/>
    <cellStyle name="60% - アクセント 2 2" xfId="138"/>
    <cellStyle name="60% - アクセント 3" xfId="22" builtinId="40" customBuiltin="1"/>
    <cellStyle name="60% - アクセント 3 2" xfId="139"/>
    <cellStyle name="60% - アクセント 4" xfId="23" builtinId="44" customBuiltin="1"/>
    <cellStyle name="60% - アクセント 4 2" xfId="140"/>
    <cellStyle name="60% - アクセント 5" xfId="24" builtinId="48" customBuiltin="1"/>
    <cellStyle name="60% - アクセント 5 2" xfId="141"/>
    <cellStyle name="60% - アクセント 6" xfId="25" builtinId="52" customBuiltin="1"/>
    <cellStyle name="60% - アクセント 6 2" xfId="142"/>
    <cellStyle name="A4縦" xfId="143"/>
    <cellStyle name="Arial 10" xfId="144"/>
    <cellStyle name="Arial 12" xfId="145"/>
    <cellStyle name="Arial 8" xfId="146"/>
    <cellStyle name="Calc Currency (0)" xfId="26"/>
    <cellStyle name="Calc Currency (0) 2" xfId="147"/>
    <cellStyle name="Calc Currency (0)_140424_羽津ポンプ場設計書（鋼製加工品のみとする）" xfId="148"/>
    <cellStyle name="Calc Currency (2)" xfId="27"/>
    <cellStyle name="Calc Percent (0)" xfId="28"/>
    <cellStyle name="Calc Percent (1)" xfId="29"/>
    <cellStyle name="Calc Percent (2)" xfId="30"/>
    <cellStyle name="Calc Units (0)" xfId="31"/>
    <cellStyle name="Calc Units (1)" xfId="32"/>
    <cellStyle name="Calc Units (2)" xfId="33"/>
    <cellStyle name="Comma [0]_#6 Temps &amp; Contractors" xfId="34"/>
    <cellStyle name="Comma [00]" xfId="35"/>
    <cellStyle name="Comma_#6 Temps &amp; Contractors" xfId="36"/>
    <cellStyle name="COMP定番表書式" xfId="149"/>
    <cellStyle name="Currency [0]_#6 Temps &amp; Contractors" xfId="37"/>
    <cellStyle name="Currency [00]" xfId="38"/>
    <cellStyle name="Currency_#6 Temps &amp; Contractors" xfId="39"/>
    <cellStyle name="dak" xfId="40"/>
    <cellStyle name="Date Short" xfId="41"/>
    <cellStyle name="Enter Currency (0)" xfId="42"/>
    <cellStyle name="Enter Currency (2)" xfId="43"/>
    <cellStyle name="Enter Units (0)" xfId="44"/>
    <cellStyle name="Enter Units (1)" xfId="45"/>
    <cellStyle name="Enter Units (2)" xfId="46"/>
    <cellStyle name="entry" xfId="150"/>
    <cellStyle name="Followed Hyperlink" xfId="47"/>
    <cellStyle name="Grey" xfId="48"/>
    <cellStyle name="Header1" xfId="49"/>
    <cellStyle name="Header2" xfId="50"/>
    <cellStyle name="Hyperlink" xfId="51"/>
    <cellStyle name="Input [yellow]" xfId="52"/>
    <cellStyle name="Link Currency (0)" xfId="53"/>
    <cellStyle name="Link Currency (2)" xfId="54"/>
    <cellStyle name="Link Units (0)" xfId="55"/>
    <cellStyle name="Link Units (1)" xfId="56"/>
    <cellStyle name="Link Units (2)" xfId="57"/>
    <cellStyle name="ＭＳゴシック　10" xfId="151"/>
    <cellStyle name="ＭＳゴシック 12" xfId="152"/>
    <cellStyle name="new" xfId="58"/>
    <cellStyle name="NIC-0" xfId="153"/>
    <cellStyle name="Normal - Style1" xfId="59"/>
    <cellStyle name="Normal_# 41-Market &amp;Trends" xfId="60"/>
    <cellStyle name="ParaBirimi [0]_RESULTS" xfId="61"/>
    <cellStyle name="ParaBirimi_RESULTS" xfId="62"/>
    <cellStyle name="Percent [0]" xfId="63"/>
    <cellStyle name="Percent [00]" xfId="64"/>
    <cellStyle name="Percent [2]" xfId="65"/>
    <cellStyle name="Percent_#6 Temps &amp; Contractors" xfId="66"/>
    <cellStyle name="PrePop Currency (0)" xfId="67"/>
    <cellStyle name="PrePop Currency (2)" xfId="68"/>
    <cellStyle name="PrePop Units (0)" xfId="69"/>
    <cellStyle name="PrePop Units (1)" xfId="70"/>
    <cellStyle name="PrePop Units (2)" xfId="71"/>
    <cellStyle name="price" xfId="154"/>
    <cellStyle name="PSChar" xfId="155"/>
    <cellStyle name="PSHeading" xfId="156"/>
    <cellStyle name="revised" xfId="157"/>
    <cellStyle name="sc5" xfId="158"/>
    <cellStyle name="sc7" xfId="159"/>
    <cellStyle name="section" xfId="160"/>
    <cellStyle name="Standard_COST INPUT SHEET" xfId="161"/>
    <cellStyle name="STYL0" xfId="162"/>
    <cellStyle name="STYL0 - ｽﾀｲﾙ1" xfId="163"/>
    <cellStyle name="STYL1" xfId="164"/>
    <cellStyle name="STYL1 - ｽﾀｲﾙ2" xfId="165"/>
    <cellStyle name="STYL2" xfId="166"/>
    <cellStyle name="STYL2 - ｽﾀｲﾙ3" xfId="167"/>
    <cellStyle name="STYL3" xfId="168"/>
    <cellStyle name="STYL3 - ｽﾀｲﾙ4" xfId="169"/>
    <cellStyle name="STYL4" xfId="170"/>
    <cellStyle name="STYL4 - ｽﾀｲﾙ5" xfId="171"/>
    <cellStyle name="STYL5" xfId="172"/>
    <cellStyle name="STYL5 - ｽﾀｲﾙ6" xfId="173"/>
    <cellStyle name="STYL6" xfId="174"/>
    <cellStyle name="STYL6 - ｽﾀｲﾙ7" xfId="175"/>
    <cellStyle name="STYL7" xfId="176"/>
    <cellStyle name="STYL7 - ｽﾀｲﾙ8" xfId="177"/>
    <cellStyle name="StyleName1" xfId="178"/>
    <cellStyle name="StyleName2" xfId="179"/>
    <cellStyle name="StyleName3" xfId="180"/>
    <cellStyle name="StyleName4" xfId="181"/>
    <cellStyle name="StyleName5" xfId="182"/>
    <cellStyle name="StyleName6" xfId="183"/>
    <cellStyle name="StyleName7" xfId="184"/>
    <cellStyle name="StyleName8" xfId="185"/>
    <cellStyle name="subhead" xfId="72"/>
    <cellStyle name="Text Indent A" xfId="73"/>
    <cellStyle name="Text Indent B" xfId="74"/>
    <cellStyle name="Text Indent C" xfId="75"/>
    <cellStyle name="title" xfId="186"/>
    <cellStyle name="TSUIKA" xfId="187"/>
    <cellStyle name="Virg・ [0]_RESULTS" xfId="76"/>
    <cellStyle name="Virg・_RESULTS" xfId="77"/>
    <cellStyle name="アクセント 1" xfId="78" builtinId="29" customBuiltin="1"/>
    <cellStyle name="アクセント 1 2" xfId="188"/>
    <cellStyle name="アクセント 2" xfId="79" builtinId="33" customBuiltin="1"/>
    <cellStyle name="アクセント 2 2" xfId="189"/>
    <cellStyle name="アクセント 3" xfId="80" builtinId="37" customBuiltin="1"/>
    <cellStyle name="アクセント 3 2" xfId="190"/>
    <cellStyle name="アクセント 4" xfId="81" builtinId="41" customBuiltin="1"/>
    <cellStyle name="アクセント 4 2" xfId="191"/>
    <cellStyle name="アクセント 5" xfId="82" builtinId="45" customBuiltin="1"/>
    <cellStyle name="アクセント 5 2" xfId="192"/>
    <cellStyle name="アクセント 6" xfId="83" builtinId="49" customBuiltin="1"/>
    <cellStyle name="アクセント 6 2" xfId="193"/>
    <cellStyle name="タイトル" xfId="84" builtinId="15" customBuiltin="1"/>
    <cellStyle name="タイトル 2" xfId="194"/>
    <cellStyle name="チェック セル" xfId="85" builtinId="23" customBuiltin="1"/>
    <cellStyle name="チェック セル 2" xfId="195"/>
    <cellStyle name="どちらでもない" xfId="86" builtinId="28" customBuiltin="1"/>
    <cellStyle name="どちらでもない 2" xfId="196"/>
    <cellStyle name="ﾄ褊褂燾・[0]_PERSONAL" xfId="87"/>
    <cellStyle name="ﾄ褊褂燾饑PERSONAL" xfId="88"/>
    <cellStyle name="パーセント" xfId="89" builtinId="5"/>
    <cellStyle name="パーセント 2" xfId="197"/>
    <cellStyle name="ﾌｫﾝﾄ変更" xfId="198"/>
    <cellStyle name="ﾎ磊隆_PERSONAL" xfId="90"/>
    <cellStyle name="メモ" xfId="91" builtinId="10" customBuiltin="1"/>
    <cellStyle name="メモ 2" xfId="199"/>
    <cellStyle name="ﾔ竟瑙糺・[0]_PERSONAL" xfId="92"/>
    <cellStyle name="ﾔ竟瑙糺饑PERSONAL" xfId="93"/>
    <cellStyle name="リンク" xfId="200"/>
    <cellStyle name="リンク セル" xfId="94" builtinId="24" customBuiltin="1"/>
    <cellStyle name="リンク セル 2" xfId="201"/>
    <cellStyle name="悪い" xfId="95" builtinId="27" customBuiltin="1"/>
    <cellStyle name="悪い 2" xfId="202"/>
    <cellStyle name="位置" xfId="203"/>
    <cellStyle name="下段_0" xfId="204"/>
    <cellStyle name="会社名" xfId="205"/>
    <cellStyle name="強調" xfId="206"/>
    <cellStyle name="金額" xfId="207"/>
    <cellStyle name="計算" xfId="96" builtinId="22" customBuiltin="1"/>
    <cellStyle name="計算 2" xfId="208"/>
    <cellStyle name="警告文" xfId="97" builtinId="11" customBuiltin="1"/>
    <cellStyle name="警告文 2" xfId="209"/>
    <cellStyle name="桁蟻唇Ｆ [0.00]_laroux" xfId="210"/>
    <cellStyle name="桁蟻唇Ｆ_laroux" xfId="211"/>
    <cellStyle name="桁区切り" xfId="98" builtinId="6"/>
    <cellStyle name="桁区切り [0.0]" xfId="212"/>
    <cellStyle name="桁区切り 2" xfId="213"/>
    <cellStyle name="桁区切り 2 2" xfId="214"/>
    <cellStyle name="桁区切り 2 2 2" xfId="215"/>
    <cellStyle name="桁区切り 2 3" xfId="216"/>
    <cellStyle name="桁区切り 3" xfId="217"/>
    <cellStyle name="桁区切り 3 2" xfId="218"/>
    <cellStyle name="桁区切り 4" xfId="219"/>
    <cellStyle name="桁区切り（０なし）" xfId="220"/>
    <cellStyle name="桁区切り0" xfId="99"/>
    <cellStyle name="桁区切り1" xfId="100"/>
    <cellStyle name="桁区切り2" xfId="101"/>
    <cellStyle name="見出し 1" xfId="102" builtinId="16" customBuiltin="1"/>
    <cellStyle name="見出し 1 2" xfId="221"/>
    <cellStyle name="見出し 2" xfId="103" builtinId="17" customBuiltin="1"/>
    <cellStyle name="見出し 2 2" xfId="222"/>
    <cellStyle name="見出し 3" xfId="104" builtinId="18" customBuiltin="1"/>
    <cellStyle name="見出し 3 2" xfId="223"/>
    <cellStyle name="見出し 4" xfId="105" builtinId="19" customBuiltin="1"/>
    <cellStyle name="見出し 4 2" xfId="224"/>
    <cellStyle name="見積桁区切り" xfId="225"/>
    <cellStyle name="見積-桁区切り" xfId="226"/>
    <cellStyle name="見積-通貨記号" xfId="227"/>
    <cellStyle name="工期算定表" xfId="228"/>
    <cellStyle name="工程表_書式" xfId="229"/>
    <cellStyle name="細明朝　9" xfId="230"/>
    <cellStyle name="細明朝12" xfId="231"/>
    <cellStyle name="集計" xfId="106" builtinId="25" customBuiltin="1"/>
    <cellStyle name="集計 2" xfId="232"/>
    <cellStyle name="縦下" xfId="233"/>
    <cellStyle name="縦上" xfId="234"/>
    <cellStyle name="縦中央" xfId="235"/>
    <cellStyle name="出力" xfId="107" builtinId="21" customBuiltin="1"/>
    <cellStyle name="出力 2" xfId="236"/>
    <cellStyle name="小数点０位 [0]" xfId="237"/>
    <cellStyle name="小数点１位 [0.0]" xfId="238"/>
    <cellStyle name="小数点２位 [0.00]" xfId="239"/>
    <cellStyle name="小数点３位 [0.000]" xfId="240"/>
    <cellStyle name="小表題" xfId="241"/>
    <cellStyle name="上の原" xfId="108"/>
    <cellStyle name="上段_0" xfId="242"/>
    <cellStyle name="数量" xfId="243"/>
    <cellStyle name="数量計算" xfId="244"/>
    <cellStyle name="積算" xfId="245"/>
    <cellStyle name="説明文" xfId="109" builtinId="53" customBuiltin="1"/>
    <cellStyle name="説明文 2" xfId="246"/>
    <cellStyle name="損料_書式" xfId="247"/>
    <cellStyle name="代価表_書式" xfId="248"/>
    <cellStyle name="大表題(12)" xfId="249"/>
    <cellStyle name="大表題(14)" xfId="250"/>
    <cellStyle name="大表題(16)" xfId="251"/>
    <cellStyle name="大表題(20)" xfId="252"/>
    <cellStyle name="脱浦 [0.00]_laroux" xfId="253"/>
    <cellStyle name="脱浦_laroux" xfId="254"/>
    <cellStyle name="帳票" xfId="255"/>
    <cellStyle name="通浦 [0.00]_laroux" xfId="110"/>
    <cellStyle name="通浦_laroux" xfId="111"/>
    <cellStyle name="通貨 2" xfId="256"/>
    <cellStyle name="日進量_書式" xfId="257"/>
    <cellStyle name="入力" xfId="112" builtinId="20" customBuiltin="1"/>
    <cellStyle name="入力 2" xfId="258"/>
    <cellStyle name="年号" xfId="113"/>
    <cellStyle name="破線" xfId="259"/>
    <cellStyle name="比較表" xfId="283"/>
    <cellStyle name="非表示" xfId="114"/>
    <cellStyle name="標準" xfId="0" builtinId="0"/>
    <cellStyle name="標準 10" xfId="121"/>
    <cellStyle name="標準 11" xfId="260"/>
    <cellStyle name="標準 12" xfId="261"/>
    <cellStyle name="標準 2" xfId="115"/>
    <cellStyle name="標準 2 2" xfId="262"/>
    <cellStyle name="標準 2 2 2" xfId="263"/>
    <cellStyle name="標準 2 3" xfId="264"/>
    <cellStyle name="標準 2_西笹川中武道場機械内訳書" xfId="265"/>
    <cellStyle name="標準 3" xfId="266"/>
    <cellStyle name="標準 3 2" xfId="284"/>
    <cellStyle name="標準 4" xfId="267"/>
    <cellStyle name="標準 4 2" xfId="268"/>
    <cellStyle name="標準 4 3" xfId="120"/>
    <cellStyle name="標準 5" xfId="269"/>
    <cellStyle name="標準 5 2" xfId="270"/>
    <cellStyle name="標準 6" xfId="271"/>
    <cellStyle name="標準 7" xfId="272"/>
    <cellStyle name="標準 8" xfId="273"/>
    <cellStyle name="標準 9" xfId="274"/>
    <cellStyle name="標準、罫線" xfId="275"/>
    <cellStyle name="標準_Ｈ２４年度施原第__号水沢北谷配水池濁度計設置工事_設計書." xfId="116"/>
    <cellStyle name="標準２" xfId="276"/>
    <cellStyle name="標準A" xfId="277"/>
    <cellStyle name="標準Ａ" xfId="117"/>
    <cellStyle name="標準戻し" xfId="278"/>
    <cellStyle name="表１" xfId="279"/>
    <cellStyle name="表紙" xfId="280"/>
    <cellStyle name="別紙明細" xfId="281"/>
    <cellStyle name="未定義" xfId="118"/>
    <cellStyle name="良い" xfId="119" builtinId="26" customBuiltin="1"/>
    <cellStyle name="良い 2" xfId="282"/>
  </cellStyles>
  <dxfs count="4">
    <dxf>
      <font>
        <condense val="0"/>
        <extend val="0"/>
        <color indexed="10"/>
      </font>
    </dxf>
    <dxf>
      <font>
        <condense val="0"/>
        <extend val="0"/>
        <color indexed="10"/>
      </font>
    </dxf>
    <dxf>
      <font>
        <condense val="0"/>
        <extend val="0"/>
        <color indexed="10"/>
      </font>
    </dxf>
    <dxf>
      <font>
        <condense val="0"/>
        <extend val="0"/>
        <color indexed="10"/>
      </font>
    </dxf>
  </dxfs>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BD0395"/>
    </mruColors>
  </colors>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20.xml"/><Relationship Id="rId21" Type="http://schemas.openxmlformats.org/officeDocument/2006/relationships/externalLink" Target="externalLinks/externalLink15.xml"/><Relationship Id="rId42" Type="http://schemas.openxmlformats.org/officeDocument/2006/relationships/externalLink" Target="externalLinks/externalLink36.xml"/><Relationship Id="rId47" Type="http://schemas.openxmlformats.org/officeDocument/2006/relationships/externalLink" Target="externalLinks/externalLink41.xml"/><Relationship Id="rId63" Type="http://schemas.openxmlformats.org/officeDocument/2006/relationships/externalLink" Target="externalLinks/externalLink57.xml"/><Relationship Id="rId68" Type="http://schemas.openxmlformats.org/officeDocument/2006/relationships/externalLink" Target="externalLinks/externalLink62.xml"/><Relationship Id="rId84" Type="http://schemas.openxmlformats.org/officeDocument/2006/relationships/externalLink" Target="externalLinks/externalLink78.xml"/><Relationship Id="rId89" Type="http://schemas.openxmlformats.org/officeDocument/2006/relationships/externalLink" Target="externalLinks/externalLink83.xml"/><Relationship Id="rId2" Type="http://schemas.openxmlformats.org/officeDocument/2006/relationships/worksheet" Target="worksheets/sheet2.xml"/><Relationship Id="rId16" Type="http://schemas.openxmlformats.org/officeDocument/2006/relationships/externalLink" Target="externalLinks/externalLink10.xml"/><Relationship Id="rId29" Type="http://schemas.openxmlformats.org/officeDocument/2006/relationships/externalLink" Target="externalLinks/externalLink23.xml"/><Relationship Id="rId107" Type="http://schemas.openxmlformats.org/officeDocument/2006/relationships/externalLink" Target="externalLinks/externalLink101.xml"/><Relationship Id="rId11" Type="http://schemas.openxmlformats.org/officeDocument/2006/relationships/externalLink" Target="externalLinks/externalLink5.xml"/><Relationship Id="rId24" Type="http://schemas.openxmlformats.org/officeDocument/2006/relationships/externalLink" Target="externalLinks/externalLink18.xml"/><Relationship Id="rId32" Type="http://schemas.openxmlformats.org/officeDocument/2006/relationships/externalLink" Target="externalLinks/externalLink26.xml"/><Relationship Id="rId37" Type="http://schemas.openxmlformats.org/officeDocument/2006/relationships/externalLink" Target="externalLinks/externalLink31.xml"/><Relationship Id="rId40" Type="http://schemas.openxmlformats.org/officeDocument/2006/relationships/externalLink" Target="externalLinks/externalLink34.xml"/><Relationship Id="rId45" Type="http://schemas.openxmlformats.org/officeDocument/2006/relationships/externalLink" Target="externalLinks/externalLink39.xml"/><Relationship Id="rId53" Type="http://schemas.openxmlformats.org/officeDocument/2006/relationships/externalLink" Target="externalLinks/externalLink47.xml"/><Relationship Id="rId58" Type="http://schemas.openxmlformats.org/officeDocument/2006/relationships/externalLink" Target="externalLinks/externalLink52.xml"/><Relationship Id="rId66" Type="http://schemas.openxmlformats.org/officeDocument/2006/relationships/externalLink" Target="externalLinks/externalLink60.xml"/><Relationship Id="rId74" Type="http://schemas.openxmlformats.org/officeDocument/2006/relationships/externalLink" Target="externalLinks/externalLink68.xml"/><Relationship Id="rId79" Type="http://schemas.openxmlformats.org/officeDocument/2006/relationships/externalLink" Target="externalLinks/externalLink73.xml"/><Relationship Id="rId87" Type="http://schemas.openxmlformats.org/officeDocument/2006/relationships/externalLink" Target="externalLinks/externalLink81.xml"/><Relationship Id="rId102" Type="http://schemas.openxmlformats.org/officeDocument/2006/relationships/externalLink" Target="externalLinks/externalLink96.xml"/><Relationship Id="rId110" Type="http://schemas.openxmlformats.org/officeDocument/2006/relationships/styles" Target="styles.xml"/><Relationship Id="rId5" Type="http://schemas.openxmlformats.org/officeDocument/2006/relationships/worksheet" Target="worksheets/sheet5.xml"/><Relationship Id="rId61" Type="http://schemas.openxmlformats.org/officeDocument/2006/relationships/externalLink" Target="externalLinks/externalLink55.xml"/><Relationship Id="rId82" Type="http://schemas.openxmlformats.org/officeDocument/2006/relationships/externalLink" Target="externalLinks/externalLink76.xml"/><Relationship Id="rId90" Type="http://schemas.openxmlformats.org/officeDocument/2006/relationships/externalLink" Target="externalLinks/externalLink84.xml"/><Relationship Id="rId95" Type="http://schemas.openxmlformats.org/officeDocument/2006/relationships/externalLink" Target="externalLinks/externalLink89.xml"/><Relationship Id="rId19" Type="http://schemas.openxmlformats.org/officeDocument/2006/relationships/externalLink" Target="externalLinks/externalLink13.xml"/><Relationship Id="rId14" Type="http://schemas.openxmlformats.org/officeDocument/2006/relationships/externalLink" Target="externalLinks/externalLink8.xml"/><Relationship Id="rId22" Type="http://schemas.openxmlformats.org/officeDocument/2006/relationships/externalLink" Target="externalLinks/externalLink16.xml"/><Relationship Id="rId27" Type="http://schemas.openxmlformats.org/officeDocument/2006/relationships/externalLink" Target="externalLinks/externalLink21.xml"/><Relationship Id="rId30" Type="http://schemas.openxmlformats.org/officeDocument/2006/relationships/externalLink" Target="externalLinks/externalLink24.xml"/><Relationship Id="rId35" Type="http://schemas.openxmlformats.org/officeDocument/2006/relationships/externalLink" Target="externalLinks/externalLink29.xml"/><Relationship Id="rId43" Type="http://schemas.openxmlformats.org/officeDocument/2006/relationships/externalLink" Target="externalLinks/externalLink37.xml"/><Relationship Id="rId48" Type="http://schemas.openxmlformats.org/officeDocument/2006/relationships/externalLink" Target="externalLinks/externalLink42.xml"/><Relationship Id="rId56" Type="http://schemas.openxmlformats.org/officeDocument/2006/relationships/externalLink" Target="externalLinks/externalLink50.xml"/><Relationship Id="rId64" Type="http://schemas.openxmlformats.org/officeDocument/2006/relationships/externalLink" Target="externalLinks/externalLink58.xml"/><Relationship Id="rId69" Type="http://schemas.openxmlformats.org/officeDocument/2006/relationships/externalLink" Target="externalLinks/externalLink63.xml"/><Relationship Id="rId77" Type="http://schemas.openxmlformats.org/officeDocument/2006/relationships/externalLink" Target="externalLinks/externalLink71.xml"/><Relationship Id="rId100" Type="http://schemas.openxmlformats.org/officeDocument/2006/relationships/externalLink" Target="externalLinks/externalLink94.xml"/><Relationship Id="rId105" Type="http://schemas.openxmlformats.org/officeDocument/2006/relationships/externalLink" Target="externalLinks/externalLink99.xml"/><Relationship Id="rId8" Type="http://schemas.openxmlformats.org/officeDocument/2006/relationships/externalLink" Target="externalLinks/externalLink2.xml"/><Relationship Id="rId51" Type="http://schemas.openxmlformats.org/officeDocument/2006/relationships/externalLink" Target="externalLinks/externalLink45.xml"/><Relationship Id="rId72" Type="http://schemas.openxmlformats.org/officeDocument/2006/relationships/externalLink" Target="externalLinks/externalLink66.xml"/><Relationship Id="rId80" Type="http://schemas.openxmlformats.org/officeDocument/2006/relationships/externalLink" Target="externalLinks/externalLink74.xml"/><Relationship Id="rId85" Type="http://schemas.openxmlformats.org/officeDocument/2006/relationships/externalLink" Target="externalLinks/externalLink79.xml"/><Relationship Id="rId93" Type="http://schemas.openxmlformats.org/officeDocument/2006/relationships/externalLink" Target="externalLinks/externalLink87.xml"/><Relationship Id="rId98" Type="http://schemas.openxmlformats.org/officeDocument/2006/relationships/externalLink" Target="externalLinks/externalLink92.xml"/><Relationship Id="rId3" Type="http://schemas.openxmlformats.org/officeDocument/2006/relationships/worksheet" Target="worksheets/sheet3.xml"/><Relationship Id="rId12" Type="http://schemas.openxmlformats.org/officeDocument/2006/relationships/externalLink" Target="externalLinks/externalLink6.xml"/><Relationship Id="rId17" Type="http://schemas.openxmlformats.org/officeDocument/2006/relationships/externalLink" Target="externalLinks/externalLink11.xml"/><Relationship Id="rId25" Type="http://schemas.openxmlformats.org/officeDocument/2006/relationships/externalLink" Target="externalLinks/externalLink19.xml"/><Relationship Id="rId33" Type="http://schemas.openxmlformats.org/officeDocument/2006/relationships/externalLink" Target="externalLinks/externalLink27.xml"/><Relationship Id="rId38" Type="http://schemas.openxmlformats.org/officeDocument/2006/relationships/externalLink" Target="externalLinks/externalLink32.xml"/><Relationship Id="rId46" Type="http://schemas.openxmlformats.org/officeDocument/2006/relationships/externalLink" Target="externalLinks/externalLink40.xml"/><Relationship Id="rId59" Type="http://schemas.openxmlformats.org/officeDocument/2006/relationships/externalLink" Target="externalLinks/externalLink53.xml"/><Relationship Id="rId67" Type="http://schemas.openxmlformats.org/officeDocument/2006/relationships/externalLink" Target="externalLinks/externalLink61.xml"/><Relationship Id="rId103" Type="http://schemas.openxmlformats.org/officeDocument/2006/relationships/externalLink" Target="externalLinks/externalLink97.xml"/><Relationship Id="rId108" Type="http://schemas.openxmlformats.org/officeDocument/2006/relationships/externalLink" Target="externalLinks/externalLink102.xml"/><Relationship Id="rId20" Type="http://schemas.openxmlformats.org/officeDocument/2006/relationships/externalLink" Target="externalLinks/externalLink14.xml"/><Relationship Id="rId41" Type="http://schemas.openxmlformats.org/officeDocument/2006/relationships/externalLink" Target="externalLinks/externalLink35.xml"/><Relationship Id="rId54" Type="http://schemas.openxmlformats.org/officeDocument/2006/relationships/externalLink" Target="externalLinks/externalLink48.xml"/><Relationship Id="rId62" Type="http://schemas.openxmlformats.org/officeDocument/2006/relationships/externalLink" Target="externalLinks/externalLink56.xml"/><Relationship Id="rId70" Type="http://schemas.openxmlformats.org/officeDocument/2006/relationships/externalLink" Target="externalLinks/externalLink64.xml"/><Relationship Id="rId75" Type="http://schemas.openxmlformats.org/officeDocument/2006/relationships/externalLink" Target="externalLinks/externalLink69.xml"/><Relationship Id="rId83" Type="http://schemas.openxmlformats.org/officeDocument/2006/relationships/externalLink" Target="externalLinks/externalLink77.xml"/><Relationship Id="rId88" Type="http://schemas.openxmlformats.org/officeDocument/2006/relationships/externalLink" Target="externalLinks/externalLink82.xml"/><Relationship Id="rId91" Type="http://schemas.openxmlformats.org/officeDocument/2006/relationships/externalLink" Target="externalLinks/externalLink85.xml"/><Relationship Id="rId96" Type="http://schemas.openxmlformats.org/officeDocument/2006/relationships/externalLink" Target="externalLinks/externalLink90.xml"/><Relationship Id="rId111"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9.xml"/><Relationship Id="rId23" Type="http://schemas.openxmlformats.org/officeDocument/2006/relationships/externalLink" Target="externalLinks/externalLink17.xml"/><Relationship Id="rId28" Type="http://schemas.openxmlformats.org/officeDocument/2006/relationships/externalLink" Target="externalLinks/externalLink22.xml"/><Relationship Id="rId36" Type="http://schemas.openxmlformats.org/officeDocument/2006/relationships/externalLink" Target="externalLinks/externalLink30.xml"/><Relationship Id="rId49" Type="http://schemas.openxmlformats.org/officeDocument/2006/relationships/externalLink" Target="externalLinks/externalLink43.xml"/><Relationship Id="rId57" Type="http://schemas.openxmlformats.org/officeDocument/2006/relationships/externalLink" Target="externalLinks/externalLink51.xml"/><Relationship Id="rId106" Type="http://schemas.openxmlformats.org/officeDocument/2006/relationships/externalLink" Target="externalLinks/externalLink100.xml"/><Relationship Id="rId10" Type="http://schemas.openxmlformats.org/officeDocument/2006/relationships/externalLink" Target="externalLinks/externalLink4.xml"/><Relationship Id="rId31" Type="http://schemas.openxmlformats.org/officeDocument/2006/relationships/externalLink" Target="externalLinks/externalLink25.xml"/><Relationship Id="rId44" Type="http://schemas.openxmlformats.org/officeDocument/2006/relationships/externalLink" Target="externalLinks/externalLink38.xml"/><Relationship Id="rId52" Type="http://schemas.openxmlformats.org/officeDocument/2006/relationships/externalLink" Target="externalLinks/externalLink46.xml"/><Relationship Id="rId60" Type="http://schemas.openxmlformats.org/officeDocument/2006/relationships/externalLink" Target="externalLinks/externalLink54.xml"/><Relationship Id="rId65" Type="http://schemas.openxmlformats.org/officeDocument/2006/relationships/externalLink" Target="externalLinks/externalLink59.xml"/><Relationship Id="rId73" Type="http://schemas.openxmlformats.org/officeDocument/2006/relationships/externalLink" Target="externalLinks/externalLink67.xml"/><Relationship Id="rId78" Type="http://schemas.openxmlformats.org/officeDocument/2006/relationships/externalLink" Target="externalLinks/externalLink72.xml"/><Relationship Id="rId81" Type="http://schemas.openxmlformats.org/officeDocument/2006/relationships/externalLink" Target="externalLinks/externalLink75.xml"/><Relationship Id="rId86" Type="http://schemas.openxmlformats.org/officeDocument/2006/relationships/externalLink" Target="externalLinks/externalLink80.xml"/><Relationship Id="rId94" Type="http://schemas.openxmlformats.org/officeDocument/2006/relationships/externalLink" Target="externalLinks/externalLink88.xml"/><Relationship Id="rId99" Type="http://schemas.openxmlformats.org/officeDocument/2006/relationships/externalLink" Target="externalLinks/externalLink93.xml"/><Relationship Id="rId101" Type="http://schemas.openxmlformats.org/officeDocument/2006/relationships/externalLink" Target="externalLinks/externalLink95.xml"/><Relationship Id="rId4" Type="http://schemas.openxmlformats.org/officeDocument/2006/relationships/worksheet" Target="worksheets/sheet4.xml"/><Relationship Id="rId9" Type="http://schemas.openxmlformats.org/officeDocument/2006/relationships/externalLink" Target="externalLinks/externalLink3.xml"/><Relationship Id="rId13" Type="http://schemas.openxmlformats.org/officeDocument/2006/relationships/externalLink" Target="externalLinks/externalLink7.xml"/><Relationship Id="rId18" Type="http://schemas.openxmlformats.org/officeDocument/2006/relationships/externalLink" Target="externalLinks/externalLink12.xml"/><Relationship Id="rId39" Type="http://schemas.openxmlformats.org/officeDocument/2006/relationships/externalLink" Target="externalLinks/externalLink33.xml"/><Relationship Id="rId109" Type="http://schemas.openxmlformats.org/officeDocument/2006/relationships/theme" Target="theme/theme1.xml"/><Relationship Id="rId34" Type="http://schemas.openxmlformats.org/officeDocument/2006/relationships/externalLink" Target="externalLinks/externalLink28.xml"/><Relationship Id="rId50" Type="http://schemas.openxmlformats.org/officeDocument/2006/relationships/externalLink" Target="externalLinks/externalLink44.xml"/><Relationship Id="rId55" Type="http://schemas.openxmlformats.org/officeDocument/2006/relationships/externalLink" Target="externalLinks/externalLink49.xml"/><Relationship Id="rId76" Type="http://schemas.openxmlformats.org/officeDocument/2006/relationships/externalLink" Target="externalLinks/externalLink70.xml"/><Relationship Id="rId97" Type="http://schemas.openxmlformats.org/officeDocument/2006/relationships/externalLink" Target="externalLinks/externalLink91.xml"/><Relationship Id="rId104" Type="http://schemas.openxmlformats.org/officeDocument/2006/relationships/externalLink" Target="externalLinks/externalLink98.xml"/><Relationship Id="rId7" Type="http://schemas.openxmlformats.org/officeDocument/2006/relationships/externalLink" Target="externalLinks/externalLink1.xml"/><Relationship Id="rId71" Type="http://schemas.openxmlformats.org/officeDocument/2006/relationships/externalLink" Target="externalLinks/externalLink65.xml"/><Relationship Id="rId92" Type="http://schemas.openxmlformats.org/officeDocument/2006/relationships/externalLink" Target="externalLinks/externalLink86.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bak/Fukumain.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20316;&#26989;&#28168;&#29289;&#20214;\&#36870;&#20117;\bak\Fukumain.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02&#35373;&#20633;&#25237;&#36039;&#20104;&#31639;\01&#20104;&#31639;&#35201;&#27714;&#38306;&#36899;\04&#65297;&#65302;&#24180;&#24230;&#12288;\&#24180;&#21021;&#35201;&#27714;\&#20027;&#31649;&#25351;&#31034;\&#35519;&#26360;&#9314;&#12304;&#21029;&#34920;&#65300;&#12539;&#33258;&#24049;&#36039;&#37329;&#65298;&#31623;&#25152;&#12414;&#12391;.xls"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2.&#20195;&#20385;@H2510&#21336;&#20385;.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bak\Fukumain.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A:\&#22580;&#20869;&#25972;&#20633;&#32076;&#36027;&#35336;&#31639;.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B:\&#22580;&#20869;&#25972;&#20633;.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windows\TEMP\&#37326;&#24237;AE.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E:\&#20316;&#26989;&#28168;&#29289;&#20214;\&#36870;&#20117;\Fukumain.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Fukumain.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B:\&#37329;&#25244;.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5552;&#20986;&#36039;&#26009;.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Yamaguchi\c\&#19978;&#27700;E&#37096;\&#22823;&#38442;&#25216;&#34899;&#35506;\&#37096;&#38272;&#20869;&#38480;\YH&#12469;&#12540;&#12496;&#12288;RW\&#25216;&#34899;\&#27972;&#27700;&#33180;\&#29289;&#20214;\&#20061;&#24030;\&#26377;&#30000;&#30010;\&#29694;&#35500;&#24460;&#35373;&#35336;\5818&#26377;&#30000;7500&#23481;&#35336;.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C:\Users\i96015\AppData\Local\Temp\notes6030C8\SAS&#22338;&#27743;&#27700;&#38272;&#22679;&#35373;\&#26157;&#38651;&#12486;&#12483;&#12463;\&#38651;&#27671;&#25968;&#37327;&#38598;&#35336;&#34920;.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C:\Users\i96015\AppData\Local\Temp\notes6030C8\&#37329;&#20837;&#35373;&#35336;&#26360;&#65288;&#20195;&#20385;&#34920;&#12469;&#12531;&#12503;&#12523;&#65289;.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Fukumain.xls"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Takigahira\&#20849;&#26377;\&#26032;&#35215;Microsoft%20Excel%20&#12527;&#12540;&#12463;&#12471;&#12540;&#12488;.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Y:\&#12524;&#12483;&#12484;&#12494;&#12540;&#12488;&#65315;&#12489;&#12521;&#12452;&#12502;\&#27744;&#30000;\&#27738;&#27877;\&#65396;&#65400;&#65406;&#65433;311\Fukumain.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Toyoda\neko\&#35079;&#34101;%20v1.2\&#35079;&#21512;&#65403;&#65437;&#65420;&#65439;&#65433;(&#65404;)\Fukumain.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WINDOWS.000/&#65411;&#65438;&#65405;&#65400;&#65412;&#65391;&#65420;&#65439;/&#35336;&#31639;&#26360;&#26360;&#24335;/&#20304;&#26481;BP/2-1-1&#24037;&#21306;/&#26862;&#26412;/&#24179;&#30000;/&#24179;&#30000;.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C:\WINDOWS.000\&#65411;&#65438;&#65405;&#65400;&#65412;&#65391;&#65420;&#65439;\&#35336;&#31639;&#26360;&#26360;&#24335;\&#20304;&#26481;BP\2-1-1&#24037;&#21306;\&#26862;&#26412;\&#24179;&#30000;\&#24179;&#30000;.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H:\WIN95\&#65411;&#65438;&#65405;&#65400;&#65412;&#65391;&#65420;&#65439;\&#25968;&#37327;&#27096;&#24335;.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E:\&#25919;&#26408;\&#26368;&#26032;&#29289;&#20214;\&#12471;&#12473;&#12486;&#12512;&#20225;&#30011;\&#27744;&#30000;&#27738;&#27877;\&#35079;&#21512;&#24037;(&#27744;&#30000;&#27738;&#27877;)\bak\Fukumain.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2823;&#38442;&#26412;&#31038;\&#22235;&#22269;&#22320;&#26041;&#12398;&#29289;&#20214;\&#26576;&#25152;500\030417&#39640;&#30693;&#26576;&#25152;50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Takigahira\&#20849;&#26377;\Fukumain.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G7-600\e&#25968;&#37327;&#35373;&#35336;&#26360;\010&#65306;&#24037;&#20107;&#19968;&#35239;\1330&#65306;&#65301;&#21495;&#12502;&#12525;&#12527;&#27231;&#26800;&#35373;&#20633;&#24037;&#20107;\&#24403;&#21021;&#35373;&#35336;\&#65301;&#21495;&#12502;&#12525;&#12527;&#27231;&#26800;&#35373;&#35336;&#26360;&#37329;&#20837;.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A:\Documents%20and%20Settings\User\My%20Documents\matumoto\&#20304;&#20037;&#23798;&#12288;&#35373;&#35336;\&#26368;&#32066;\02.&#20304;&#20037;&#23798;93&#65381;94&#65381;95&#21495;&#65293;&#20195;&#20385;&#34920;030630.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3665;&#23713;&#30010;\&#23455;&#35373;&#35336;\&#23481;&#37327;2.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35373;&#20633;&#25237;&#36039;&#20104;&#31639;\16&#26089;&#26399;&#35201;&#27714;&#12539;&#35336;&#30011;\14&#24180;&#24230;&#26089;&#26399;\&#25237;&#36039;&#25552;&#20986;&#36039;&#26009;\&#35201;&#27714;&#35519;&#26360;\&#35519;&#26360;&#9314;-2\13-1&#65288;&#21029;&#34920;&#31532;&#65300;&#65289;&#26481;&#28023;&#36947;&#32218;&#20057;&#39640;&#24107;&#36947;&#27211;&#12426;&#12423;&#12358;&#25913;&#33391;.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H:\Fukumain.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g0da75\&#25216;&#34899;&#26412;&#37096;\&#26087;&#31532;2&#25216;&#34899;&#37096;\03&#35373;&#35336;&#31532;1g\H53101620&#26627;&#23614;&#27972;&#27700;&#26045;&#35373;&#26356;&#26032;\07&#25968;&#37327;&#35336;&#31639;&#26360;\01&#26627;&#23614;&#27972;&#27700;&#22580;&#12429;&#36942;&#27744;&#31689;&#36896;&#24037;&#20107;\01&#12429;&#36942;&#27744;&#26847;&#31689;&#36896;\&#65422;&#65394;&#65405;&#65412;&#65434;&#65392;&#65433;&#25968;&#37327;&#12304;&#12363;&#25152;&#27598;&#12305;&#20462;&#27491;150707.xlsx"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G&#20849;&#36890;\&#35373;&#35336;&#36039;&#26009;\EXCEL\&#20013;&#20027;\&#24037;&#31243;&#31561;.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Toyoda\neko\&#35079;&#34101;\&#35079;&#21512;&#65403;&#65437;&#65420;&#65439;&#65433;(&#65404;)\bak\Fukumain.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Toyoda\neko\Fukumain.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Toyoda\neko\bak\Fukumain.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E:\&#35079;&#34101;\&#35079;&#21512;&#65403;&#65437;&#65420;&#65439;&#65433;(&#65404;)\bak\Fukumain.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Takigahira\&#20849;&#26377;\bak\Fukumain.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5552;&#20986;&#36039;&#26009;.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3665;&#23713;&#30010;\&#23455;&#35373;&#35336;\&#23481;&#37327;2.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C:\EXCEL_DAT\&#20869;&#35379;&#35336;&#31639;&#26360;\&#21336;&#20385;&#34920;&#12289;&#25490;&#27700;&#26717;&#20195;&#20385;&#34920;.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WINDOWS\&#65411;&#65438;&#65405;&#65400;&#65412;&#65391;&#65420;&#65439;\My%20Documents\&#26448;&#26009;&#35336;&#31639;&#26360;&#38619;&#22411;\&#30456;&#27169;&#24029;&#21491;&#23736;&#20966;&#29702;&#22580;\&#39080;&#36947;&#25342;&#65288;&#30456;&#27169;&#24029;&#35036;&#27231;&#26847;2&#65289;.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Gp6-300\e\&#26085;&#26412;&#19978;&#19979;&#35336;&#31639;&#26360;\01.02.&#20154;&#24037;&#38598;&#35336;&#34920;,&#27231;&#22120;&#31561;&#25454;&#20184;&#24037;.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23567;&#26494;&#24066;/&#25552;&#20986;&#29992;/&#21335;&#37096;&#65328;&#65331;/&#21335;&#37096;&#35373;&#35336;&#26360;.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23567;&#26494;&#24066;/&#25552;&#20986;&#29992;/&#21335;&#37096;&#65328;&#65331;/&#21069;&#24029;&#24037;&#20107;.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bak\Fukumain.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A:\&#21508;&#37096;&#38272;\&#22303;&#26408;\SATO\&#21271;&#24029;&#23611;\&#26908;&#35342;&#26360;\&#37329;&#20837;&#12426;\&#22580;&#20869;&#25972;&#20633;.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G0da75\&#25216;&#34899;&#26412;&#37096;\04&#27700;&#36947;&#37096;\&#26087;&#31532;2&#25216;&#34899;&#37096;\03&#35373;&#35336;&#31532;1g\H51102030&#23567;&#30000;&#21407;&#24066;&#39640;&#30000;&#27972;&#27700;&#22580;&#34220;&#27880;&#26045;&#35373;\00&#25104;&#26524;&#21697;\02&#31309;&#31639;&#36039;&#26009;\&#35373;&#35336;&#26360;\02&#23455;&#26045;&#35373;&#35336;&#26360;&#37329;&#20837;.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1-1&#35373;&#35336;&#26360;(&#26412;&#20307;)&#20462;&#27491;0914.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E846670\&#20849;&#26377;&#20316;&#26989;&#20013;\&#20234;&#21218;&#65381;&#29066;&#37326;&#35686;&#23519;&#32626;&#32784;&#38663;&#35036;&#24375;&#35373;&#35336;\&#20234;&#21218;&#32626;\&#21335;&#37326;&#23567;&#38598;&#33853;\&#35373;&#35336;&#26360;\8&#26376;29&#26085;&#25552;&#20986;\&#21335;&#37326;&#12288;&#38651;&#27671;&#35373;&#35336;&#26360;.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C:\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K:\&#20316;&#26989;&#28168;&#29289;&#20214;\&#36870;&#20117;\Fukumain.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NTSVR1\CSEnet\&#21508;&#37096;&#38272;\&#27700;&#36947;\kazu\&#23546;&#20117;&#30010;\&#24179;&#25104;10%20&#28271;&#35895;&#22320;&#21306;(&#12381;&#12398;&#65298;&#65289;\&#28271;&#12494;&#35895;&#20195;&#20385;.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K:\bak\Fukumain.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Xa-13-1\e\&#65320;&#65297;&#65296;&#12288;&#12466;&#12540;&#12488;&#35373;&#20633;&#35373;&#35336;&#26360;.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F:\&#65320;&#65305;&#26360;&#39006;\&#31309;&#31639;\&#39321;&#20303;&#21271;&#29305;&#20462;&#31309;&#31639;.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http://172.16.1.10/scripts/cbag/ag.exe/&#24859;&#30693;&#30476;&#20195;&#20385;&#34920;.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C:\&#27231;&#26800;&#35373;&#20633;&#21336;&#20385;&#34920;\H22&#27231;&#26800;&#21336;&#20385;\C&#34907;&#29983;&#22120;&#20855;&#35373;&#20633;2010&#23436;&#25104;.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Ls-wtgl9f1\sekkei\Documents%20and%20Settings\010752\&#12487;&#12473;&#12463;&#12488;&#12483;&#12503;\&#20849;&#36890;&#36027;&#65288;&#36196;&#22806;&#32218;&#35036;&#32884;&#12471;&#12473;&#12486;&#12512;&#65289;\10&#22823;&#23665;&#30000;&#22320;&#21306;&#65406;&#65437;&#65408;&#65392;&#21463;&#38651;&#25913;&#20462;\My%20Documents\&#22793;&#26356;&#32076;&#36027;.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0&#37096;&#38263;\03&#26045;&#35373;&#37096;&#21332;&#20685;&#26989;&#21209;\&#28369;&#24029;&#24066;\&#22580;&#20869;&#37197;&#31649;&#22259;\&#20840;&#20307;&#24037;&#20107;\&#31309;&#31639;&#26360;\&#20195;&#20385;&#34920;H20&#23500;&#23665;&#30476;&#28369;&#24029;&#24066;200804.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C:\00&#12487;&#12540;&#12479;\02&#24859;&#30693;&#30476;&#27969;&#22495;\&#20116;&#26465;STP\&#38500;&#22645;&#38500;&#30722;&#35373;&#20633;\&#25968;&#37327;\&#27231;&#26800;&#35373;&#35336;&#26360;06042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コード"/>
      <sheetName val="代価総括表"/>
      <sheetName val="52"/>
      <sheetName val="53"/>
      <sheetName val="53.5"/>
      <sheetName val="54"/>
      <sheetName val="55"/>
      <sheetName val="56"/>
      <sheetName val="57"/>
      <sheetName val="58"/>
      <sheetName val="58.1"/>
      <sheetName val="58.2"/>
      <sheetName val="59"/>
      <sheetName val="61"/>
      <sheetName val="62"/>
      <sheetName val="63"/>
      <sheetName val="65"/>
      <sheetName val="66"/>
      <sheetName val="67"/>
      <sheetName val="68"/>
      <sheetName val="69"/>
      <sheetName val="71"/>
      <sheetName val="72"/>
      <sheetName val="81"/>
      <sheetName val="82"/>
      <sheetName val="83"/>
      <sheetName val="84"/>
      <sheetName val="85"/>
      <sheetName val="86"/>
      <sheetName val="87"/>
      <sheetName val="88"/>
      <sheetName val="89"/>
      <sheetName val="90"/>
      <sheetName val="91"/>
      <sheetName val="92"/>
      <sheetName val="93"/>
      <sheetName val="94"/>
      <sheetName val="95"/>
      <sheetName val="96"/>
      <sheetName val="102"/>
      <sheetName val="111"/>
      <sheetName val="112"/>
      <sheetName val="112.1"/>
      <sheetName val="112.2"/>
      <sheetName val="113"/>
      <sheetName val="121"/>
      <sheetName val="122"/>
      <sheetName val="123"/>
      <sheetName val="124"/>
      <sheetName val="136"/>
      <sheetName val="137"/>
      <sheetName val="151"/>
      <sheetName val="152"/>
      <sheetName val="160"/>
      <sheetName val="161"/>
      <sheetName val="162"/>
      <sheetName val="163"/>
      <sheetName val="164"/>
      <sheetName val="165"/>
      <sheetName val="171"/>
      <sheetName val="172"/>
      <sheetName val="176"/>
      <sheetName val="177"/>
      <sheetName val="178"/>
      <sheetName val="179"/>
      <sheetName val="180"/>
      <sheetName val="181"/>
      <sheetName val="182"/>
      <sheetName val="単価コード表"/>
      <sheetName val="←ここまで"/>
      <sheetName val="-64"/>
      <sheetName val="-70"/>
      <sheetName val="-125"/>
      <sheetName val="-131"/>
      <sheetName val="-132"/>
      <sheetName val="-133"/>
      <sheetName val="-134"/>
      <sheetName val="-135"/>
      <sheetName val="-138"/>
      <sheetName val="-139"/>
      <sheetName val="-155"/>
      <sheetName val="-156"/>
      <sheetName val="-157"/>
      <sheetName val="-158"/>
      <sheetName val="-159"/>
      <sheetName val="-176.5"/>
    </sheetNames>
    <sheetDataSet>
      <sheetData sheetId="0">
        <row r="2">
          <cell r="C2" t="str">
            <v>単価ｺｰﾄﾞ</v>
          </cell>
          <cell r="D2" t="str">
            <v>名称・規格</v>
          </cell>
          <cell r="E2" t="str">
            <v>単　価</v>
          </cell>
        </row>
        <row r="3">
          <cell r="B3">
            <v>1</v>
          </cell>
          <cell r="C3" t="str">
            <v>RR0101</v>
          </cell>
          <cell r="D3" t="str">
            <v>特殊作業員</v>
          </cell>
          <cell r="E3">
            <v>16500</v>
          </cell>
        </row>
        <row r="4">
          <cell r="B4">
            <v>2</v>
          </cell>
          <cell r="C4" t="str">
            <v>RR0102</v>
          </cell>
          <cell r="D4" t="str">
            <v>普通作業員</v>
          </cell>
          <cell r="E4">
            <v>13600</v>
          </cell>
        </row>
        <row r="5">
          <cell r="B5">
            <v>3</v>
          </cell>
          <cell r="C5" t="str">
            <v>RR0103</v>
          </cell>
          <cell r="D5" t="str">
            <v>軽作業員</v>
          </cell>
          <cell r="E5">
            <v>12100</v>
          </cell>
        </row>
        <row r="6">
          <cell r="B6">
            <v>4</v>
          </cell>
          <cell r="C6" t="str">
            <v>RR0104</v>
          </cell>
          <cell r="D6" t="str">
            <v>造園工</v>
          </cell>
          <cell r="E6">
            <v>16100</v>
          </cell>
        </row>
        <row r="7">
          <cell r="B7">
            <v>5</v>
          </cell>
          <cell r="C7" t="str">
            <v>RR0106</v>
          </cell>
          <cell r="D7" t="str">
            <v>とび工</v>
          </cell>
          <cell r="E7">
            <v>16300</v>
          </cell>
        </row>
        <row r="8">
          <cell r="B8">
            <v>6</v>
          </cell>
          <cell r="C8" t="str">
            <v>RR0110</v>
          </cell>
          <cell r="D8" t="str">
            <v>鉄筋工</v>
          </cell>
          <cell r="E8">
            <v>17100</v>
          </cell>
        </row>
        <row r="9">
          <cell r="B9">
            <v>7</v>
          </cell>
          <cell r="C9" t="str">
            <v>RR0113</v>
          </cell>
          <cell r="D9" t="str">
            <v>溶接工</v>
          </cell>
          <cell r="E9">
            <v>15300</v>
          </cell>
        </row>
        <row r="10">
          <cell r="B10">
            <v>8</v>
          </cell>
          <cell r="C10" t="str">
            <v>RR0114</v>
          </cell>
          <cell r="D10" t="str">
            <v>運転手（特殊）</v>
          </cell>
          <cell r="E10">
            <v>16400</v>
          </cell>
        </row>
        <row r="11">
          <cell r="B11">
            <v>9</v>
          </cell>
          <cell r="C11" t="str">
            <v>RR0115</v>
          </cell>
          <cell r="D11" t="str">
            <v>運転手（一般）</v>
          </cell>
          <cell r="E11">
            <v>14400</v>
          </cell>
        </row>
        <row r="12">
          <cell r="B12">
            <v>10</v>
          </cell>
          <cell r="C12" t="str">
            <v>RR0119</v>
          </cell>
          <cell r="D12" t="str">
            <v>トンネル特殊工</v>
          </cell>
          <cell r="E12">
            <v>0</v>
          </cell>
        </row>
        <row r="13">
          <cell r="B13">
            <v>11</v>
          </cell>
          <cell r="C13" t="str">
            <v>RR0120</v>
          </cell>
          <cell r="D13" t="str">
            <v>トンネル作業員</v>
          </cell>
          <cell r="E13">
            <v>0</v>
          </cell>
        </row>
        <row r="14">
          <cell r="B14">
            <v>12</v>
          </cell>
          <cell r="C14" t="str">
            <v>RR0121</v>
          </cell>
          <cell r="D14" t="str">
            <v>トンネル世話役</v>
          </cell>
          <cell r="E14">
            <v>0</v>
          </cell>
        </row>
        <row r="15">
          <cell r="B15">
            <v>13</v>
          </cell>
          <cell r="C15" t="str">
            <v>RR0125</v>
          </cell>
          <cell r="D15" t="str">
            <v>土木一般世話役</v>
          </cell>
          <cell r="E15">
            <v>18000</v>
          </cell>
        </row>
        <row r="16">
          <cell r="B16">
            <v>14</v>
          </cell>
          <cell r="C16" t="str">
            <v>RR0133</v>
          </cell>
          <cell r="D16" t="str">
            <v>型枠工</v>
          </cell>
          <cell r="E16">
            <v>16200</v>
          </cell>
        </row>
        <row r="17">
          <cell r="B17">
            <v>15</v>
          </cell>
          <cell r="C17" t="str">
            <v>RR0134</v>
          </cell>
          <cell r="D17" t="str">
            <v>大　工</v>
          </cell>
          <cell r="E17">
            <v>16500</v>
          </cell>
        </row>
        <row r="18">
          <cell r="B18">
            <v>16</v>
          </cell>
          <cell r="C18" t="str">
            <v>RR0135</v>
          </cell>
          <cell r="D18" t="str">
            <v>左　官</v>
          </cell>
          <cell r="E18">
            <v>16200</v>
          </cell>
        </row>
        <row r="19">
          <cell r="B19">
            <v>17</v>
          </cell>
          <cell r="C19" t="str">
            <v>RR0136</v>
          </cell>
          <cell r="D19" t="str">
            <v>配管工</v>
          </cell>
          <cell r="E19">
            <v>16200</v>
          </cell>
        </row>
        <row r="20">
          <cell r="B20">
            <v>18</v>
          </cell>
          <cell r="C20" t="str">
            <v>RR0137</v>
          </cell>
          <cell r="D20" t="str">
            <v>はつり工</v>
          </cell>
          <cell r="E20">
            <v>15200</v>
          </cell>
        </row>
        <row r="21">
          <cell r="B21">
            <v>19</v>
          </cell>
          <cell r="C21" t="str">
            <v>RR0138</v>
          </cell>
          <cell r="D21" t="str">
            <v>防水工</v>
          </cell>
          <cell r="E21">
            <v>16500</v>
          </cell>
        </row>
        <row r="22">
          <cell r="B22">
            <v>20</v>
          </cell>
          <cell r="C22" t="str">
            <v>RR0201</v>
          </cell>
          <cell r="D22" t="str">
            <v>電　工</v>
          </cell>
          <cell r="E22">
            <v>16400</v>
          </cell>
        </row>
        <row r="23">
          <cell r="B23">
            <v>21</v>
          </cell>
          <cell r="C23" t="str">
            <v>RR0164</v>
          </cell>
          <cell r="D23" t="str">
            <v>機械工</v>
          </cell>
          <cell r="E23">
            <v>17400</v>
          </cell>
        </row>
        <row r="24">
          <cell r="B24">
            <v>22</v>
          </cell>
          <cell r="C24" t="str">
            <v>RR0108</v>
          </cell>
          <cell r="D24" t="str">
            <v>ブロック工</v>
          </cell>
          <cell r="E24">
            <v>19800</v>
          </cell>
        </row>
        <row r="25">
          <cell r="B25">
            <v>23</v>
          </cell>
          <cell r="C25" t="str">
            <v>RR0112</v>
          </cell>
          <cell r="D25" t="str">
            <v>塗装工</v>
          </cell>
          <cell r="E25">
            <v>16500</v>
          </cell>
        </row>
        <row r="26">
          <cell r="B26">
            <v>24</v>
          </cell>
          <cell r="C26" t="str">
            <v>RR0107</v>
          </cell>
          <cell r="D26" t="str">
            <v>石　工</v>
          </cell>
          <cell r="E26">
            <v>19000</v>
          </cell>
        </row>
        <row r="27">
          <cell r="B27">
            <v>25</v>
          </cell>
        </row>
        <row r="28">
          <cell r="B28">
            <v>26</v>
          </cell>
        </row>
        <row r="29">
          <cell r="B29">
            <v>27</v>
          </cell>
        </row>
        <row r="30">
          <cell r="B30">
            <v>28</v>
          </cell>
        </row>
        <row r="31">
          <cell r="B31">
            <v>29</v>
          </cell>
        </row>
        <row r="32">
          <cell r="B32">
            <v>30</v>
          </cell>
        </row>
        <row r="33">
          <cell r="B33">
            <v>31</v>
          </cell>
        </row>
        <row r="34">
          <cell r="B34">
            <v>32</v>
          </cell>
        </row>
        <row r="35">
          <cell r="B35">
            <v>33</v>
          </cell>
        </row>
        <row r="36">
          <cell r="B36">
            <v>34</v>
          </cell>
        </row>
        <row r="37">
          <cell r="B37">
            <v>35</v>
          </cell>
        </row>
        <row r="38">
          <cell r="B38">
            <v>36</v>
          </cell>
        </row>
        <row r="39">
          <cell r="B39">
            <v>37</v>
          </cell>
        </row>
        <row r="40">
          <cell r="B40">
            <v>38</v>
          </cell>
        </row>
        <row r="41">
          <cell r="B41">
            <v>39</v>
          </cell>
        </row>
        <row r="42">
          <cell r="B42">
            <v>40</v>
          </cell>
        </row>
        <row r="43">
          <cell r="B43">
            <v>41</v>
          </cell>
        </row>
        <row r="44">
          <cell r="B44">
            <v>42</v>
          </cell>
        </row>
        <row r="45">
          <cell r="B45">
            <v>43</v>
          </cell>
        </row>
        <row r="46">
          <cell r="B46">
            <v>44</v>
          </cell>
        </row>
        <row r="47">
          <cell r="B47">
            <v>45</v>
          </cell>
        </row>
        <row r="48">
          <cell r="B48">
            <v>46</v>
          </cell>
        </row>
        <row r="49">
          <cell r="B49">
            <v>47</v>
          </cell>
        </row>
        <row r="50">
          <cell r="B50">
            <v>48</v>
          </cell>
        </row>
        <row r="51">
          <cell r="B51">
            <v>49</v>
          </cell>
        </row>
        <row r="52">
          <cell r="B52">
            <v>50</v>
          </cell>
        </row>
        <row r="53">
          <cell r="B53">
            <v>51</v>
          </cell>
        </row>
        <row r="54">
          <cell r="B54">
            <v>52</v>
          </cell>
        </row>
        <row r="55">
          <cell r="B55">
            <v>53</v>
          </cell>
        </row>
        <row r="56">
          <cell r="B56">
            <v>54</v>
          </cell>
        </row>
        <row r="57">
          <cell r="B57">
            <v>55</v>
          </cell>
        </row>
        <row r="58">
          <cell r="B58">
            <v>56</v>
          </cell>
        </row>
        <row r="59">
          <cell r="B59">
            <v>57</v>
          </cell>
        </row>
        <row r="60">
          <cell r="B60">
            <v>58</v>
          </cell>
        </row>
        <row r="61">
          <cell r="B61">
            <v>59</v>
          </cell>
        </row>
        <row r="62">
          <cell r="B62">
            <v>60</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refreshError="1"/>
      <sheetData sheetId="69" refreshError="1"/>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ow r="2">
          <cell r="A2" t="str">
            <v>/PPR\1~OEOLQQAGR\2~OEOPQQAGQ</v>
          </cell>
        </row>
        <row r="3">
          <cell r="S3" t="str">
            <v>　　　内</v>
          </cell>
          <cell r="T3" t="str">
            <v>　　　　　訳</v>
          </cell>
          <cell r="W3" t="str">
            <v>二次製品</v>
          </cell>
          <cell r="X3" t="str">
            <v>金　　額</v>
          </cell>
        </row>
        <row r="4">
          <cell r="R4">
            <v>1</v>
          </cell>
          <cell r="S4" t="str">
            <v>機械設備</v>
          </cell>
          <cell r="U4" t="str">
            <v>式</v>
          </cell>
          <cell r="V4">
            <v>1</v>
          </cell>
          <cell r="W4">
            <v>229452588</v>
          </cell>
          <cell r="X4">
            <v>246584546</v>
          </cell>
          <cell r="AA4" t="str">
            <v>　</v>
          </cell>
        </row>
        <row r="5">
          <cell r="R5">
            <v>2</v>
          </cell>
          <cell r="S5" t="str">
            <v>電気計装設備</v>
          </cell>
          <cell r="U5" t="str">
            <v>式</v>
          </cell>
          <cell r="V5">
            <v>1</v>
          </cell>
          <cell r="W5">
            <v>521346945</v>
          </cell>
          <cell r="X5">
            <v>576046837</v>
          </cell>
          <cell r="AA5" t="str">
            <v>　</v>
          </cell>
        </row>
        <row r="6">
          <cell r="R6">
            <v>3</v>
          </cell>
          <cell r="S6" t="str">
            <v>土木・建築</v>
          </cell>
          <cell r="U6" t="str">
            <v>式</v>
          </cell>
          <cell r="V6">
            <v>1</v>
          </cell>
          <cell r="W6">
            <v>440974261</v>
          </cell>
          <cell r="X6">
            <v>1260700552</v>
          </cell>
        </row>
        <row r="7">
          <cell r="R7">
            <v>4</v>
          </cell>
          <cell r="Y7" t="str">
            <v>直　工　比　率</v>
          </cell>
        </row>
        <row r="8">
          <cell r="A8" t="str">
            <v>諸経費の算出</v>
          </cell>
          <cell r="C8" t="str">
            <v>　</v>
          </cell>
          <cell r="R8">
            <v>5</v>
          </cell>
          <cell r="Y8" t="str">
            <v>機械</v>
          </cell>
          <cell r="Z8" t="str">
            <v>電気</v>
          </cell>
          <cell r="AA8" t="str">
            <v>土木</v>
          </cell>
        </row>
        <row r="9">
          <cell r="A9" t="str">
            <v>直接工事費</v>
          </cell>
          <cell r="D9">
            <v>2083331935</v>
          </cell>
          <cell r="R9">
            <v>6</v>
          </cell>
          <cell r="Y9">
            <v>0.12</v>
          </cell>
          <cell r="Z9">
            <v>0.28000000000000003</v>
          </cell>
          <cell r="AA9">
            <v>0.61</v>
          </cell>
        </row>
        <row r="10">
          <cell r="C10" t="str">
            <v>二次製品</v>
          </cell>
          <cell r="D10">
            <v>1191773794</v>
          </cell>
          <cell r="E10" t="str">
            <v xml:space="preserve">  支給品</v>
          </cell>
          <cell r="F10">
            <v>0</v>
          </cell>
          <cell r="R10">
            <v>7</v>
          </cell>
        </row>
        <row r="11">
          <cell r="A11" t="str">
            <v>仮設費</v>
          </cell>
          <cell r="B11" t="str">
            <v>積上げ</v>
          </cell>
          <cell r="D11">
            <v>0</v>
          </cell>
          <cell r="R11">
            <v>8</v>
          </cell>
        </row>
        <row r="12">
          <cell r="A12" t="str">
            <v>共通仮設費対象額計</v>
          </cell>
          <cell r="D12">
            <v>2083331935</v>
          </cell>
          <cell r="R12">
            <v>9</v>
          </cell>
        </row>
        <row r="13">
          <cell r="A13" t="str">
            <v>共通仮設費積上げ分</v>
          </cell>
          <cell r="R13">
            <v>10</v>
          </cell>
          <cell r="S13" t="str">
            <v>　</v>
          </cell>
          <cell r="U13" t="str">
            <v>　</v>
          </cell>
        </row>
        <row r="14">
          <cell r="B14" t="str">
            <v>運搬費</v>
          </cell>
          <cell r="D14">
            <v>0</v>
          </cell>
          <cell r="E14" t="str">
            <v>　</v>
          </cell>
          <cell r="S14" t="str">
            <v>　</v>
          </cell>
          <cell r="U14" t="str">
            <v>　</v>
          </cell>
          <cell r="V14" t="str">
            <v>　</v>
          </cell>
          <cell r="X14" t="str">
            <v>　</v>
          </cell>
        </row>
        <row r="15">
          <cell r="B15" t="str">
            <v>安全費</v>
          </cell>
          <cell r="D15">
            <v>0</v>
          </cell>
          <cell r="S15" t="str">
            <v>　</v>
          </cell>
          <cell r="Y15" t="str">
            <v>経　費　分　配</v>
          </cell>
        </row>
        <row r="16">
          <cell r="B16" t="str">
            <v>役務費</v>
          </cell>
          <cell r="D16">
            <v>0</v>
          </cell>
          <cell r="Y16" t="str">
            <v>機械</v>
          </cell>
          <cell r="Z16" t="str">
            <v>電気</v>
          </cell>
          <cell r="AA16" t="str">
            <v>土木</v>
          </cell>
        </row>
        <row r="17">
          <cell r="B17" t="str">
            <v>環境対策費</v>
          </cell>
          <cell r="D17">
            <v>0</v>
          </cell>
          <cell r="S17" t="str">
            <v>直接工事費計</v>
          </cell>
          <cell r="V17" t="str">
            <v>　</v>
          </cell>
          <cell r="W17">
            <v>1191773794</v>
          </cell>
          <cell r="X17">
            <v>2083331935</v>
          </cell>
        </row>
        <row r="18">
          <cell r="A18" t="str">
            <v>工事区分</v>
          </cell>
          <cell r="B18">
            <v>1</v>
          </cell>
          <cell r="D18" t="str">
            <v>開削工事等</v>
          </cell>
          <cell r="T18" t="str">
            <v>運搬費</v>
          </cell>
          <cell r="U18" t="str">
            <v>式</v>
          </cell>
          <cell r="V18">
            <v>1</v>
          </cell>
          <cell r="X18">
            <v>18333321</v>
          </cell>
          <cell r="Y18">
            <v>2199998</v>
          </cell>
          <cell r="Z18">
            <v>5133329</v>
          </cell>
          <cell r="AA18">
            <v>11183325</v>
          </cell>
        </row>
        <row r="19">
          <cell r="B19" t="str">
            <v xml:space="preserve"> </v>
          </cell>
          <cell r="D19" t="str">
            <v xml:space="preserve"> </v>
          </cell>
          <cell r="T19" t="str">
            <v>準備費</v>
          </cell>
          <cell r="U19" t="str">
            <v>〃</v>
          </cell>
          <cell r="V19">
            <v>1</v>
          </cell>
          <cell r="X19">
            <v>7436000</v>
          </cell>
          <cell r="Y19">
            <v>892320</v>
          </cell>
          <cell r="Z19">
            <v>2082080</v>
          </cell>
          <cell r="AA19">
            <v>4535960</v>
          </cell>
        </row>
        <row r="20">
          <cell r="T20" t="str">
            <v>仮設費</v>
          </cell>
          <cell r="U20" t="str">
            <v>〃</v>
          </cell>
          <cell r="V20">
            <v>1</v>
          </cell>
          <cell r="X20">
            <v>0</v>
          </cell>
          <cell r="Y20">
            <v>0</v>
          </cell>
          <cell r="Z20">
            <v>0</v>
          </cell>
          <cell r="AA20">
            <v>0</v>
          </cell>
        </row>
        <row r="21">
          <cell r="A21" t="str">
            <v>共通仮設費</v>
          </cell>
          <cell r="T21" t="str">
            <v>役務費</v>
          </cell>
          <cell r="U21" t="str">
            <v>〃</v>
          </cell>
          <cell r="V21">
            <v>1</v>
          </cell>
          <cell r="X21">
            <v>0</v>
          </cell>
          <cell r="Y21">
            <v>0</v>
          </cell>
          <cell r="Z21">
            <v>0</v>
          </cell>
          <cell r="AA21">
            <v>0</v>
          </cell>
        </row>
        <row r="22">
          <cell r="A22" t="str">
            <v>運搬費</v>
          </cell>
          <cell r="B22" t="str">
            <v>対象額＝直接工事費＝</v>
          </cell>
          <cell r="D22">
            <v>2083331935</v>
          </cell>
          <cell r="T22" t="str">
            <v>技術管理費</v>
          </cell>
          <cell r="U22" t="str">
            <v>〃</v>
          </cell>
          <cell r="V22">
            <v>1</v>
          </cell>
          <cell r="X22">
            <v>1000000</v>
          </cell>
          <cell r="Y22">
            <v>120000</v>
          </cell>
          <cell r="Z22">
            <v>280000</v>
          </cell>
          <cell r="AA22">
            <v>610000</v>
          </cell>
        </row>
        <row r="23">
          <cell r="B23" t="str">
            <v>積上げ</v>
          </cell>
          <cell r="E23">
            <v>0</v>
          </cell>
          <cell r="T23" t="str">
            <v>営繕損料</v>
          </cell>
          <cell r="U23" t="str">
            <v>〃</v>
          </cell>
          <cell r="V23">
            <v>1</v>
          </cell>
          <cell r="X23">
            <v>21101012</v>
          </cell>
          <cell r="Y23">
            <v>2532121</v>
          </cell>
          <cell r="Z23">
            <v>5908283</v>
          </cell>
          <cell r="AA23">
            <v>12871617</v>
          </cell>
        </row>
        <row r="24">
          <cell r="A24" t="str">
            <v xml:space="preserve">   運搬費率</v>
          </cell>
          <cell r="B24">
            <v>2083331935</v>
          </cell>
          <cell r="C24" t="str">
            <v>^-0.1828×44.5=</v>
          </cell>
          <cell r="E24">
            <v>0.88</v>
          </cell>
          <cell r="F24" t="str">
            <v>%</v>
          </cell>
          <cell r="T24" t="str">
            <v>安全費</v>
          </cell>
          <cell r="U24" t="str">
            <v>〃</v>
          </cell>
          <cell r="V24">
            <v>1</v>
          </cell>
          <cell r="X24">
            <v>4431212</v>
          </cell>
          <cell r="Y24">
            <v>531745</v>
          </cell>
          <cell r="Z24">
            <v>1240739</v>
          </cell>
          <cell r="AA24">
            <v>2703039</v>
          </cell>
        </row>
        <row r="25">
          <cell r="B25">
            <v>2083331935</v>
          </cell>
          <cell r="C25" t="str">
            <v>× 0.88%=</v>
          </cell>
          <cell r="E25">
            <v>18333321</v>
          </cell>
          <cell r="T25" t="str">
            <v>労務者輸送費</v>
          </cell>
          <cell r="U25" t="str">
            <v>〃</v>
          </cell>
          <cell r="V25">
            <v>1</v>
          </cell>
          <cell r="X25">
            <v>800000</v>
          </cell>
          <cell r="Y25">
            <v>96000</v>
          </cell>
          <cell r="Z25">
            <v>224000</v>
          </cell>
          <cell r="AA25">
            <v>488000</v>
          </cell>
        </row>
        <row r="26">
          <cell r="D26" t="str">
            <v>計</v>
          </cell>
          <cell r="E26">
            <v>18333321</v>
          </cell>
          <cell r="T26" t="str">
            <v>環境対策費</v>
          </cell>
          <cell r="U26" t="str">
            <v>〃</v>
          </cell>
          <cell r="V26">
            <v>1</v>
          </cell>
          <cell r="X26">
            <v>0</v>
          </cell>
          <cell r="Y26">
            <v>0</v>
          </cell>
          <cell r="Z26">
            <v>0</v>
          </cell>
          <cell r="AA26">
            <v>0</v>
          </cell>
        </row>
        <row r="27">
          <cell r="A27" t="str">
            <v>準備費</v>
          </cell>
          <cell r="B27" t="str">
            <v>対象額＝直接工事費＝</v>
          </cell>
          <cell r="D27">
            <v>2083331</v>
          </cell>
          <cell r="E27" t="str">
            <v>千円</v>
          </cell>
          <cell r="S27" t="str">
            <v>共通仮設費計</v>
          </cell>
          <cell r="X27">
            <v>53101545</v>
          </cell>
          <cell r="Y27">
            <v>6372184</v>
          </cell>
          <cell r="Z27">
            <v>14868431</v>
          </cell>
          <cell r="AA27">
            <v>32391941</v>
          </cell>
        </row>
        <row r="28">
          <cell r="B28">
            <v>2083331</v>
          </cell>
          <cell r="C28" t="str">
            <v>×0.0035＋145=</v>
          </cell>
          <cell r="E28">
            <v>7436000</v>
          </cell>
          <cell r="V28" t="str">
            <v>　</v>
          </cell>
          <cell r="X28" t="str">
            <v>　</v>
          </cell>
          <cell r="Y28">
            <v>0</v>
          </cell>
          <cell r="Z28">
            <v>0</v>
          </cell>
          <cell r="AA28">
            <v>0</v>
          </cell>
        </row>
        <row r="29">
          <cell r="A29" t="str">
            <v>仮設費</v>
          </cell>
          <cell r="B29" t="str">
            <v>積上げ</v>
          </cell>
          <cell r="E29">
            <v>0</v>
          </cell>
          <cell r="S29" t="str">
            <v>純工事費</v>
          </cell>
          <cell r="X29">
            <v>2136433480</v>
          </cell>
        </row>
        <row r="30">
          <cell r="A30" t="str">
            <v>役務費</v>
          </cell>
          <cell r="B30" t="str">
            <v>積上げ</v>
          </cell>
          <cell r="E30">
            <v>0</v>
          </cell>
          <cell r="T30" t="str">
            <v>現場管理費</v>
          </cell>
          <cell r="U30" t="str">
            <v>式</v>
          </cell>
          <cell r="V30">
            <v>1</v>
          </cell>
          <cell r="X30">
            <v>115540993</v>
          </cell>
          <cell r="Y30">
            <v>13864919</v>
          </cell>
          <cell r="Z30">
            <v>32351478</v>
          </cell>
          <cell r="AA30">
            <v>70480005</v>
          </cell>
        </row>
        <row r="31">
          <cell r="A31" t="str">
            <v>技術管理費</v>
          </cell>
          <cell r="B31" t="str">
            <v>対象額＝直接工事費＝</v>
          </cell>
          <cell r="D31">
            <v>2083331935</v>
          </cell>
          <cell r="S31" t="str">
            <v>工事原価</v>
          </cell>
          <cell r="X31">
            <v>2251974473</v>
          </cell>
        </row>
        <row r="32">
          <cell r="B32" t="str">
            <v>率計算</v>
          </cell>
          <cell r="C32" t="str">
            <v/>
          </cell>
          <cell r="D32" t="str">
            <v/>
          </cell>
          <cell r="E32">
            <v>1000000</v>
          </cell>
          <cell r="T32" t="str">
            <v>一般管理費</v>
          </cell>
          <cell r="U32" t="str">
            <v>式</v>
          </cell>
          <cell r="V32">
            <v>1</v>
          </cell>
          <cell r="X32">
            <v>258976527</v>
          </cell>
          <cell r="Y32">
            <v>31077183</v>
          </cell>
          <cell r="Z32">
            <v>72513427</v>
          </cell>
          <cell r="AA32">
            <v>157975681</v>
          </cell>
        </row>
        <row r="33">
          <cell r="D33" t="str">
            <v>対象金額計</v>
          </cell>
          <cell r="E33">
            <v>2110101256</v>
          </cell>
          <cell r="S33" t="str">
            <v>　</v>
          </cell>
          <cell r="Y33">
            <v>0</v>
          </cell>
          <cell r="Z33">
            <v>0</v>
          </cell>
          <cell r="AA33">
            <v>0</v>
          </cell>
        </row>
        <row r="34">
          <cell r="A34" t="str">
            <v>営繕損料</v>
          </cell>
          <cell r="B34" t="str">
            <v>率計算</v>
          </cell>
          <cell r="C34">
            <v>2110101256</v>
          </cell>
          <cell r="D34" t="str">
            <v>× 0.010=</v>
          </cell>
          <cell r="E34">
            <v>21101012</v>
          </cell>
          <cell r="F34" t="str">
            <v>採用値</v>
          </cell>
          <cell r="S34" t="str">
            <v>工事価格</v>
          </cell>
          <cell r="V34">
            <v>1</v>
          </cell>
          <cell r="X34">
            <v>2510951000</v>
          </cell>
        </row>
        <row r="35">
          <cell r="B35" t="str">
            <v xml:space="preserve">      限度額</v>
          </cell>
          <cell r="C35">
            <v>30000000</v>
          </cell>
          <cell r="D35" t="str">
            <v>× 0.015=</v>
          </cell>
          <cell r="E35">
            <v>450000</v>
          </cell>
          <cell r="F35" t="str">
            <v/>
          </cell>
          <cell r="Y35">
            <v>0</v>
          </cell>
          <cell r="Z35">
            <v>0</v>
          </cell>
          <cell r="AA35">
            <v>0</v>
          </cell>
        </row>
        <row r="36">
          <cell r="D36" t="str">
            <v>採用金額</v>
          </cell>
          <cell r="E36">
            <v>21101012</v>
          </cell>
          <cell r="S36" t="str">
            <v>消費税相当額</v>
          </cell>
          <cell r="U36" t="str">
            <v>式</v>
          </cell>
          <cell r="X36">
            <v>125547550</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cell r="S38" t="str">
            <v>本工事費</v>
          </cell>
          <cell r="X38">
            <v>2636498550</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経費計算"/>
      <sheetName val="事業費明細書(納品用)"/>
      <sheetName val="運搬費"/>
      <sheetName val="機械運転費"/>
    </sheetNames>
    <sheetDataSet>
      <sheetData sheetId="0"/>
      <sheetData sheetId="1"/>
      <sheetData sheetId="2"/>
      <sheetData sheetId="3"/>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 val="内訳表"/>
      <sheetName val="本工事費内訳表"/>
      <sheetName val="諸経費"/>
      <sheetName val="代価一覧表"/>
    </sheetNames>
    <sheetDataSet>
      <sheetData sheetId="0" refreshError="1">
        <row r="3">
          <cell r="B3" t="str">
            <v>Ａ－１</v>
          </cell>
          <cell r="C3" t="str">
            <v>号 表</v>
          </cell>
          <cell r="E3" t="str">
            <v>場内整備工</v>
          </cell>
          <cell r="H3" t="str">
            <v>１式</v>
          </cell>
          <cell r="I3" t="str">
            <v>当 り 代 価 表</v>
          </cell>
        </row>
        <row r="5">
          <cell r="B5" t="str">
            <v>種　　目</v>
          </cell>
          <cell r="D5" t="str">
            <v>形状、寸法</v>
          </cell>
          <cell r="E5" t="str">
            <v>数　量</v>
          </cell>
          <cell r="F5" t="str">
            <v>単位</v>
          </cell>
          <cell r="G5" t="str">
            <v>単　　価</v>
          </cell>
          <cell r="H5" t="str">
            <v>金　　額</v>
          </cell>
          <cell r="I5" t="str">
            <v>摘　　　　要</v>
          </cell>
        </row>
        <row r="7">
          <cell r="B7" t="str">
            <v>雨水排水工</v>
          </cell>
          <cell r="E7">
            <v>1</v>
          </cell>
          <cell r="F7" t="str">
            <v>式</v>
          </cell>
          <cell r="H7">
            <v>2394182</v>
          </cell>
          <cell r="I7" t="str">
            <v>Ｂ－１</v>
          </cell>
          <cell r="J7" t="str">
            <v>号代価表</v>
          </cell>
        </row>
        <row r="9">
          <cell r="B9" t="str">
            <v>ｲﾝﾀｰﾛｯｷﾝｸﾞ舗装工</v>
          </cell>
          <cell r="E9">
            <v>1</v>
          </cell>
          <cell r="F9" t="str">
            <v>式</v>
          </cell>
          <cell r="H9">
            <v>5007916</v>
          </cell>
          <cell r="I9" t="str">
            <v>Ｂ－２</v>
          </cell>
          <cell r="J9" t="str">
            <v>号代価表</v>
          </cell>
        </row>
        <row r="11">
          <cell r="B11" t="str">
            <v>縁石工</v>
          </cell>
          <cell r="E11">
            <v>1</v>
          </cell>
          <cell r="F11" t="str">
            <v>式</v>
          </cell>
          <cell r="H11">
            <v>372229</v>
          </cell>
          <cell r="I11" t="str">
            <v>Ｂ－３</v>
          </cell>
          <cell r="J11" t="str">
            <v>号代価表</v>
          </cell>
        </row>
        <row r="13">
          <cell r="B13" t="str">
            <v>砕石路盤工</v>
          </cell>
          <cell r="E13">
            <v>1</v>
          </cell>
          <cell r="F13" t="str">
            <v>式</v>
          </cell>
          <cell r="H13">
            <v>286407</v>
          </cell>
          <cell r="I13" t="str">
            <v>Ｂ－４</v>
          </cell>
          <cell r="J13" t="str">
            <v>号代価表</v>
          </cell>
        </row>
        <row r="15">
          <cell r="B15" t="str">
            <v>消雪管布設工</v>
          </cell>
          <cell r="E15">
            <v>1</v>
          </cell>
          <cell r="F15" t="str">
            <v>式</v>
          </cell>
          <cell r="H15">
            <v>1306326</v>
          </cell>
          <cell r="I15" t="str">
            <v>Ｂ－５</v>
          </cell>
          <cell r="J15" t="str">
            <v>号代価表</v>
          </cell>
        </row>
        <row r="17">
          <cell r="B17" t="str">
            <v>　　　  計</v>
          </cell>
          <cell r="H17">
            <v>9367060</v>
          </cell>
        </row>
        <row r="34">
          <cell r="C34" t="str">
            <v>設　計　用　紙</v>
          </cell>
          <cell r="H34" t="str">
            <v>石 川 県 津 幡 町</v>
          </cell>
        </row>
        <row r="35">
          <cell r="C35" t="str">
            <v>号 表</v>
          </cell>
          <cell r="I35" t="str">
            <v>当 り 代 価 表</v>
          </cell>
        </row>
        <row r="36">
          <cell r="B36" t="str">
            <v>種　　目</v>
          </cell>
          <cell r="D36" t="str">
            <v>形状、寸法</v>
          </cell>
          <cell r="E36" t="str">
            <v>数　量</v>
          </cell>
          <cell r="F36" t="str">
            <v>単位</v>
          </cell>
          <cell r="G36" t="str">
            <v>単　　価</v>
          </cell>
          <cell r="H36" t="str">
            <v>金　　額</v>
          </cell>
          <cell r="I36" t="str">
            <v>摘　　　　要</v>
          </cell>
        </row>
      </sheetData>
      <sheetData sheetId="1" refreshError="1"/>
      <sheetData sheetId="2" refreshError="1"/>
      <sheetData sheetId="3" refreshError="1"/>
      <sheetData sheetId="4"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複１"/>
      <sheetName val="１号池"/>
      <sheetName val="電灯設備"/>
      <sheetName val="電話設備"/>
      <sheetName val="屋外灯"/>
      <sheetName val="２号池"/>
      <sheetName val="電灯設備(2)"/>
      <sheetName val="電話設備 (2)"/>
      <sheetName val="単価比較表"/>
      <sheetName val="見積比較表"/>
      <sheetName val="複２"/>
      <sheetName val="複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Ｂ代価 "/>
      <sheetName val="Ｃ代価(1)"/>
      <sheetName val="内訳表"/>
      <sheetName val="本工事費内訳表"/>
      <sheetName val="Ａ代価 "/>
    </sheetNames>
    <sheetDataSet>
      <sheetData sheetId="0"/>
      <sheetData sheetId="1"/>
      <sheetData sheetId="2"/>
      <sheetData sheetId="3"/>
      <sheetData sheetId="4"/>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8">
          <cell r="C8">
            <v>2</v>
          </cell>
        </row>
        <row r="9">
          <cell r="C9">
            <v>4</v>
          </cell>
        </row>
        <row r="11">
          <cell r="C11">
            <v>48</v>
          </cell>
        </row>
        <row r="14">
          <cell r="C14">
            <v>90.9</v>
          </cell>
        </row>
        <row r="16">
          <cell r="C16">
            <v>5</v>
          </cell>
        </row>
        <row r="21">
          <cell r="C21">
            <v>60</v>
          </cell>
          <cell r="E21">
            <v>16</v>
          </cell>
        </row>
        <row r="23">
          <cell r="C23">
            <v>180</v>
          </cell>
          <cell r="E23">
            <v>8</v>
          </cell>
        </row>
        <row r="24">
          <cell r="C24">
            <v>60</v>
          </cell>
        </row>
      </sheetData>
      <sheetData sheetId="1"/>
      <sheetData sheetId="2"/>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水槽"/>
      <sheetName val="容計（ﾕﾆｯﾄ）"/>
      <sheetName val="薬洗計"/>
      <sheetName val="排水処理計"/>
      <sheetName val="槽内濃度"/>
      <sheetName val="機器ﾘｽﾄ"/>
      <sheetName val="動力ﾘｽﾄ"/>
      <sheetName val="計装ﾘｽﾄ"/>
      <sheetName val="水槽容計"/>
      <sheetName val="容計"/>
      <sheetName val="IC計算"/>
      <sheetName val="建設費提出"/>
      <sheetName val="営業用IC割"/>
      <sheetName val="営業用IC最終"/>
      <sheetName val="１ページ"/>
      <sheetName val="２ページ"/>
      <sheetName val="３ページ"/>
      <sheetName val="提出用水槽容計"/>
      <sheetName val="×　水位作動，警報一覧"/>
    </sheetNames>
    <sheetDataSet>
      <sheetData sheetId="0" refreshError="1"/>
      <sheetData sheetId="1">
        <row r="33">
          <cell r="F33">
            <v>3</v>
          </cell>
        </row>
      </sheetData>
      <sheetData sheetId="2" refreshError="1"/>
      <sheetData sheetId="3"/>
      <sheetData sheetId="4" refreshError="1"/>
      <sheetData sheetId="5"/>
      <sheetData sheetId="6" refreshError="1"/>
      <sheetData sheetId="7" refreshError="1"/>
      <sheetData sheetId="8"/>
      <sheetData sheetId="9" refreshError="1"/>
      <sheetData sheetId="10" refreshError="1"/>
      <sheetData sheetId="11" refreshError="1"/>
      <sheetData sheetId="12" refreshError="1"/>
      <sheetData sheetId="13" refreshError="1"/>
      <sheetData sheetId="14">
        <row r="8">
          <cell r="F8">
            <v>7523</v>
          </cell>
        </row>
        <row r="9">
          <cell r="F9">
            <v>4</v>
          </cell>
        </row>
        <row r="10">
          <cell r="F10">
            <v>7500</v>
          </cell>
        </row>
        <row r="11">
          <cell r="F11">
            <v>24</v>
          </cell>
        </row>
        <row r="41">
          <cell r="J41">
            <v>1020.8</v>
          </cell>
        </row>
        <row r="58">
          <cell r="J58">
            <v>2527.1</v>
          </cell>
        </row>
      </sheetData>
      <sheetData sheetId="15">
        <row r="36">
          <cell r="I36">
            <v>21470</v>
          </cell>
        </row>
      </sheetData>
      <sheetData sheetId="16">
        <row r="9">
          <cell r="L9">
            <v>5416</v>
          </cell>
        </row>
        <row r="16">
          <cell r="G16">
            <v>40</v>
          </cell>
        </row>
        <row r="17">
          <cell r="L17">
            <v>1288</v>
          </cell>
        </row>
        <row r="54">
          <cell r="S54">
            <v>40000</v>
          </cell>
        </row>
        <row r="56">
          <cell r="S56">
            <v>72000</v>
          </cell>
        </row>
        <row r="66">
          <cell r="S66">
            <v>100000</v>
          </cell>
        </row>
        <row r="68">
          <cell r="S68">
            <v>15000</v>
          </cell>
        </row>
      </sheetData>
      <sheetData sheetId="17" refreshError="1"/>
      <sheetData sheetId="18"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新規Microsoft Excel ワークシート"/>
      <sheetName val="本管土工"/>
      <sheetName val="１号ＭＨ"/>
      <sheetName val="汚水枡材料"/>
      <sheetName val="仮復旧"/>
      <sheetName val="#REF"/>
      <sheetName val="M見積表"/>
      <sheetName val="代価表"/>
      <sheetName val="単価一覧表 "/>
      <sheetName val="試運転費"/>
      <sheetName val="共通仮設費"/>
      <sheetName val="一般管理費"/>
      <sheetName val="補助材料"/>
      <sheetName val="内訳書 "/>
    </sheetNames>
    <definedNames>
      <definedName name="ピクチャ5_Click"/>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数量・１"/>
      <sheetName val="数量・２ "/>
      <sheetName val="数量・３"/>
      <sheetName val="数量・４"/>
      <sheetName val="数量・５"/>
      <sheetName val="数量・６"/>
      <sheetName val="数量・７"/>
      <sheetName val="数量・８"/>
      <sheetName val="数量・9"/>
      <sheetName val="数量・10"/>
      <sheetName val="数量・11"/>
      <sheetName val="数量・12"/>
      <sheetName val="数量・13"/>
      <sheetName val="数量・14"/>
      <sheetName val="数量・15"/>
      <sheetName val="Sheet1"/>
      <sheetName val="#REF"/>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容計（ﾕﾆｯﾄ）"/>
      <sheetName val="機器ﾘｽﾄ"/>
      <sheetName val="動力ﾘｽﾄ"/>
      <sheetName val="高宮"/>
      <sheetName val="IC計算"/>
      <sheetName val="建設費"/>
      <sheetName val="１ページ"/>
      <sheetName val="２ページ"/>
      <sheetName val="３ページ"/>
      <sheetName val="容計"/>
      <sheetName val="薬品洗浄薬品費"/>
      <sheetName val="計装ﾘｽﾄ"/>
      <sheetName val="水位作動，警報一覧"/>
      <sheetName val="沈砂池、浄水池、配水池"/>
    </sheetNames>
    <sheetDataSet>
      <sheetData sheetId="0"/>
      <sheetData sheetId="1" refreshError="1"/>
      <sheetData sheetId="2" refreshError="1"/>
      <sheetData sheetId="3" refreshError="1"/>
      <sheetData sheetId="4" refreshError="1"/>
      <sheetData sheetId="5" refreshError="1"/>
      <sheetData sheetId="6"/>
      <sheetData sheetId="7"/>
      <sheetData sheetId="8">
        <row r="38">
          <cell r="G38">
            <v>4000</v>
          </cell>
        </row>
      </sheetData>
      <sheetData sheetId="9" refreshError="1"/>
      <sheetData sheetId="10" refreshError="1"/>
      <sheetData sheetId="11" refreshError="1"/>
      <sheetData sheetId="12" refreshError="1"/>
      <sheetData sheetId="13"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後公表"/>
      <sheetName val="内訳書"/>
      <sheetName val="諸経費計算"/>
      <sheetName val="明細書1"/>
      <sheetName val="明細書2"/>
      <sheetName val="明細書3"/>
      <sheetName val="明細書4"/>
      <sheetName val="明細書5"/>
      <sheetName val="明細書6"/>
      <sheetName val="別紙明細書１"/>
      <sheetName val="別紙明細書２"/>
      <sheetName val="別紙明細書３"/>
      <sheetName val="別紙明細書４"/>
      <sheetName val="別紙明細書５"/>
      <sheetName val="別紙明細書６"/>
      <sheetName val="別紙明細書７"/>
      <sheetName val="代価表１"/>
      <sheetName val="代価表２"/>
      <sheetName val="代価表３"/>
      <sheetName val="代価表４"/>
      <sheetName val="代価表５"/>
      <sheetName val="代価表６"/>
      <sheetName val="代価表７"/>
      <sheetName val="代価表８"/>
      <sheetName val="代価表９"/>
      <sheetName val="代価表１０"/>
      <sheetName val="輸送費，役務費"/>
      <sheetName val="設計単価"/>
      <sheetName val="見積比較表（機器）"/>
      <sheetName val="見積比較表 (材料)"/>
      <sheetName val="人工集計表"/>
      <sheetName val="歩掛分類表"/>
      <sheetName val="機器等据付工"/>
      <sheetName val="機器等据付重量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sheetData sheetId="33"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15年度4月-企業庁・県建設部単価表　設計書貼付用"/>
      <sheetName val="H15年度4月-企業庁・県建設部単価表"/>
      <sheetName val="佐久島－表紙"/>
      <sheetName val="佐久島－総括表"/>
      <sheetName val="佐久島－代価表(打込有)"/>
      <sheetName val="7残土As（半島部）今回不採用"/>
      <sheetName val="7残土Co（半島部）今回不採用"/>
      <sheetName val="★7.13-14残土As（離島部）不採用"/>
      <sheetName val="★7.15-16残土Co（離島部）不採用"/>
      <sheetName val="14舗設工（今回不採用）"/>
      <sheetName val="空１"/>
      <sheetName val="空２"/>
      <sheetName val="1.舗装切断工(不要)"/>
      <sheetName val="2.取壊As+Co-0.35(今回不要)"/>
    </sheetNames>
    <sheetDataSet>
      <sheetData sheetId="0" refreshError="1"/>
      <sheetData sheetId="1">
        <row r="5">
          <cell r="B5" t="str">
            <v>ダクタイル鋳鉄管　２受Ｔ字管</v>
          </cell>
          <cell r="D5" t="str">
            <v>φ 75×φ 75</v>
          </cell>
          <cell r="E5">
            <v>1</v>
          </cell>
          <cell r="F5" t="str">
            <v>本</v>
          </cell>
          <cell r="G5">
            <v>10249</v>
          </cell>
          <cell r="H5" t="str">
            <v>Ⅳ-256</v>
          </cell>
        </row>
        <row r="6">
          <cell r="B6" t="str">
            <v>ダクタイル鋳鉄管　２受Ｔ字管</v>
          </cell>
          <cell r="D6" t="str">
            <v>φ100×φ 75</v>
          </cell>
          <cell r="E6">
            <v>1</v>
          </cell>
          <cell r="F6" t="str">
            <v>本</v>
          </cell>
          <cell r="G6">
            <v>13104</v>
          </cell>
          <cell r="H6" t="str">
            <v>Ⅳ-256</v>
          </cell>
        </row>
        <row r="7">
          <cell r="B7" t="str">
            <v>ダクタイル鋳鉄管　２受Ｔ字管</v>
          </cell>
          <cell r="D7" t="str">
            <v>φ100×φ100</v>
          </cell>
          <cell r="E7">
            <v>1</v>
          </cell>
          <cell r="F7" t="str">
            <v>本</v>
          </cell>
          <cell r="G7">
            <v>13993</v>
          </cell>
          <cell r="H7" t="str">
            <v>Ⅳ-256</v>
          </cell>
        </row>
        <row r="8">
          <cell r="B8" t="str">
            <v>ダクタイル鋳鉄管　２受Ｔ字管</v>
          </cell>
          <cell r="D8" t="str">
            <v>φ150×φ 75</v>
          </cell>
          <cell r="E8">
            <v>1</v>
          </cell>
          <cell r="F8" t="str">
            <v>本</v>
          </cell>
          <cell r="G8">
            <v>19468</v>
          </cell>
          <cell r="H8" t="str">
            <v>Ⅳ-256</v>
          </cell>
        </row>
        <row r="9">
          <cell r="B9" t="str">
            <v>ダクタイル鋳鉄管　２受Ｔ字管</v>
          </cell>
          <cell r="D9" t="str">
            <v>φ150×φ100</v>
          </cell>
          <cell r="E9">
            <v>1</v>
          </cell>
          <cell r="F9" t="str">
            <v>本</v>
          </cell>
          <cell r="G9">
            <v>20311</v>
          </cell>
          <cell r="H9" t="str">
            <v>Ⅳ-256</v>
          </cell>
        </row>
        <row r="10">
          <cell r="B10" t="str">
            <v>ダクタイル鋳鉄管　２受Ｔ字管</v>
          </cell>
          <cell r="D10" t="str">
            <v>φ150×φ150</v>
          </cell>
          <cell r="E10">
            <v>1</v>
          </cell>
          <cell r="F10" t="str">
            <v>本</v>
          </cell>
          <cell r="G10">
            <v>22136</v>
          </cell>
          <cell r="H10" t="str">
            <v>Ⅳ-256</v>
          </cell>
        </row>
        <row r="11">
          <cell r="B11" t="str">
            <v>ダクタイル鋳鉄管　２受Ｔ字管</v>
          </cell>
          <cell r="D11" t="str">
            <v>φ200×φ100</v>
          </cell>
          <cell r="E11">
            <v>1</v>
          </cell>
          <cell r="F11" t="str">
            <v>本</v>
          </cell>
          <cell r="G11">
            <v>28267</v>
          </cell>
          <cell r="H11" t="str">
            <v>Ⅳ-256</v>
          </cell>
        </row>
        <row r="12">
          <cell r="B12" t="str">
            <v>ダクタイル鋳鉄管　２受Ｔ字管</v>
          </cell>
          <cell r="D12" t="str">
            <v>φ200×φ150</v>
          </cell>
          <cell r="E12">
            <v>1</v>
          </cell>
          <cell r="F12" t="str">
            <v>本</v>
          </cell>
          <cell r="G12">
            <v>33555</v>
          </cell>
          <cell r="H12" t="str">
            <v>Ⅳ-256</v>
          </cell>
        </row>
        <row r="13">
          <cell r="B13" t="str">
            <v>ダクタイル鋳鉄管　２受Ｔ字管</v>
          </cell>
          <cell r="D13" t="str">
            <v>φ200×φ200</v>
          </cell>
          <cell r="E13">
            <v>1</v>
          </cell>
          <cell r="F13" t="str">
            <v>本</v>
          </cell>
          <cell r="G13">
            <v>35474</v>
          </cell>
          <cell r="H13" t="str">
            <v>Ⅳ-256</v>
          </cell>
        </row>
        <row r="14">
          <cell r="B14" t="str">
            <v>ダクタイル鋳鉄管　２受Ｔ字管</v>
          </cell>
          <cell r="D14" t="str">
            <v>φ250×φ100</v>
          </cell>
          <cell r="E14">
            <v>1</v>
          </cell>
          <cell r="F14" t="str">
            <v>本</v>
          </cell>
          <cell r="G14">
            <v>38376</v>
          </cell>
          <cell r="H14" t="str">
            <v>Ⅳ-256</v>
          </cell>
        </row>
        <row r="15">
          <cell r="B15" t="str">
            <v>ダクタイル鋳鉄管　２受Ｔ字管</v>
          </cell>
          <cell r="D15" t="str">
            <v>φ250×φ150</v>
          </cell>
          <cell r="E15">
            <v>1</v>
          </cell>
          <cell r="F15" t="str">
            <v>本</v>
          </cell>
          <cell r="G15">
            <v>40294</v>
          </cell>
          <cell r="H15" t="str">
            <v>Ⅳ-256</v>
          </cell>
        </row>
        <row r="16">
          <cell r="B16" t="str">
            <v>ダクタイル鋳鉄管　２受Ｔ字管</v>
          </cell>
          <cell r="D16" t="str">
            <v>φ250×φ250</v>
          </cell>
          <cell r="E16">
            <v>1</v>
          </cell>
          <cell r="F16" t="str">
            <v>本</v>
          </cell>
          <cell r="G16">
            <v>48204</v>
          </cell>
          <cell r="H16" t="str">
            <v>Ⅳ-256</v>
          </cell>
        </row>
        <row r="17">
          <cell r="B17" t="str">
            <v>ダクタイル鋳鉄管用Ｆ付Ｔ字管</v>
          </cell>
          <cell r="D17" t="str">
            <v>φ 75×φ 75</v>
          </cell>
          <cell r="E17">
            <v>1</v>
          </cell>
          <cell r="F17" t="str">
            <v>本</v>
          </cell>
          <cell r="G17">
            <v>11588</v>
          </cell>
          <cell r="H17" t="str">
            <v>Ⅳ-256</v>
          </cell>
        </row>
        <row r="18">
          <cell r="B18" t="str">
            <v>ダクタイル鋳鉄管用Ｆ付Ｔ字管</v>
          </cell>
          <cell r="D18" t="str">
            <v>φ100×φ 75</v>
          </cell>
          <cell r="E18">
            <v>1</v>
          </cell>
          <cell r="F18" t="str">
            <v>本</v>
          </cell>
          <cell r="G18">
            <v>14146</v>
          </cell>
          <cell r="H18" t="str">
            <v>Ⅳ-256</v>
          </cell>
        </row>
        <row r="19">
          <cell r="B19" t="str">
            <v>ダクタイル鋳鉄管用Ｆ付Ｔ字管</v>
          </cell>
          <cell r="D19" t="str">
            <v>φ150×φ 75</v>
          </cell>
          <cell r="E19">
            <v>1</v>
          </cell>
          <cell r="F19" t="str">
            <v>本</v>
          </cell>
          <cell r="G19">
            <v>20097</v>
          </cell>
          <cell r="H19" t="str">
            <v>Ⅳ-256</v>
          </cell>
        </row>
        <row r="20">
          <cell r="B20" t="str">
            <v>ダクタイル鋳鉄管用Ｆ付Ｔ字管</v>
          </cell>
          <cell r="D20" t="str">
            <v>φ150×φ100</v>
          </cell>
          <cell r="E20">
            <v>1</v>
          </cell>
          <cell r="F20" t="str">
            <v>本</v>
          </cell>
          <cell r="G20">
            <v>21454</v>
          </cell>
          <cell r="H20" t="str">
            <v>Ⅳ-256</v>
          </cell>
        </row>
        <row r="21">
          <cell r="B21" t="str">
            <v>ダクタイル鋳鉄管用Ｆ付Ｔ字管</v>
          </cell>
          <cell r="D21" t="str">
            <v>φ200×φ 75</v>
          </cell>
          <cell r="E21">
            <v>1</v>
          </cell>
          <cell r="F21" t="str">
            <v>本</v>
          </cell>
          <cell r="G21">
            <v>29127</v>
          </cell>
          <cell r="H21" t="str">
            <v>Ⅳ-256</v>
          </cell>
        </row>
        <row r="22">
          <cell r="B22" t="str">
            <v>ダクタイル鋳鉄管用Ｆ付Ｔ字管</v>
          </cell>
          <cell r="D22" t="str">
            <v>φ200×φ100</v>
          </cell>
          <cell r="E22">
            <v>1</v>
          </cell>
          <cell r="F22" t="str">
            <v>本</v>
          </cell>
          <cell r="G22">
            <v>30537</v>
          </cell>
          <cell r="H22" t="str">
            <v>Ⅳ-256</v>
          </cell>
        </row>
        <row r="23">
          <cell r="B23" t="str">
            <v>ダクタイル鋳鉄管用Ｆ付Ｔ字管</v>
          </cell>
          <cell r="D23" t="str">
            <v>φ250×φ 75</v>
          </cell>
          <cell r="E23">
            <v>1</v>
          </cell>
          <cell r="F23" t="str">
            <v>本</v>
          </cell>
          <cell r="G23">
            <v>38262</v>
          </cell>
          <cell r="H23" t="str">
            <v>Ⅳ-256</v>
          </cell>
        </row>
        <row r="24">
          <cell r="B24" t="str">
            <v>ダクタイル鋳鉄管用Ｆ付Ｔ字管</v>
          </cell>
          <cell r="D24" t="str">
            <v>φ250×φ100</v>
          </cell>
          <cell r="E24">
            <v>1</v>
          </cell>
          <cell r="F24" t="str">
            <v>本</v>
          </cell>
          <cell r="G24">
            <v>39828</v>
          </cell>
          <cell r="H24" t="str">
            <v>Ⅳ-256</v>
          </cell>
        </row>
        <row r="25">
          <cell r="B25" t="str">
            <v>ダクタイル鋳鉄管　９０°　曲 管</v>
          </cell>
          <cell r="D25" t="str">
            <v>K形　φ 75</v>
          </cell>
          <cell r="E25">
            <v>1</v>
          </cell>
          <cell r="F25" t="str">
            <v>本</v>
          </cell>
          <cell r="G25">
            <v>6786</v>
          </cell>
          <cell r="H25" t="str">
            <v>Ⅳ-256</v>
          </cell>
        </row>
        <row r="26">
          <cell r="B26" t="str">
            <v>ダクタイル鋳鉄管　９０°　曲 管</v>
          </cell>
          <cell r="D26" t="str">
            <v>K形　φ100</v>
          </cell>
          <cell r="E26">
            <v>1</v>
          </cell>
          <cell r="F26" t="str">
            <v>本</v>
          </cell>
          <cell r="G26">
            <v>8798</v>
          </cell>
          <cell r="H26" t="str">
            <v>Ⅳ-256</v>
          </cell>
        </row>
        <row r="27">
          <cell r="B27" t="str">
            <v>ダクタイル鋳鉄管　９０°　曲 管</v>
          </cell>
          <cell r="D27" t="str">
            <v>K形　φ150</v>
          </cell>
          <cell r="E27">
            <v>1</v>
          </cell>
          <cell r="F27" t="str">
            <v>本</v>
          </cell>
          <cell r="G27">
            <v>15210</v>
          </cell>
          <cell r="H27" t="str">
            <v>Ⅳ-256</v>
          </cell>
        </row>
        <row r="28">
          <cell r="B28" t="str">
            <v>ダクタイル鋳鉄管　９０°　曲 管</v>
          </cell>
          <cell r="D28" t="str">
            <v>K形　φ200</v>
          </cell>
          <cell r="E28">
            <v>1</v>
          </cell>
          <cell r="F28" t="str">
            <v>本</v>
          </cell>
          <cell r="G28">
            <v>26722</v>
          </cell>
          <cell r="H28" t="str">
            <v>Ⅳ-256</v>
          </cell>
        </row>
        <row r="29">
          <cell r="B29" t="str">
            <v>ダクタイル鋳鉄管　９０°　曲 管</v>
          </cell>
          <cell r="D29" t="str">
            <v>K形　φ250</v>
          </cell>
          <cell r="E29">
            <v>1</v>
          </cell>
          <cell r="F29" t="str">
            <v>本</v>
          </cell>
          <cell r="G29">
            <v>37299</v>
          </cell>
          <cell r="H29" t="str">
            <v>Ⅳ-256</v>
          </cell>
        </row>
        <row r="30">
          <cell r="B30" t="str">
            <v>ダクタイル鋳鉄管　４５°　曲 管</v>
          </cell>
          <cell r="D30" t="str">
            <v>K形　φ 75</v>
          </cell>
          <cell r="E30">
            <v>1</v>
          </cell>
          <cell r="F30" t="str">
            <v>本</v>
          </cell>
          <cell r="G30">
            <v>6177</v>
          </cell>
          <cell r="H30" t="str">
            <v>Ⅳ-256</v>
          </cell>
        </row>
        <row r="31">
          <cell r="B31" t="str">
            <v>ダクタイル鋳鉄管　４５°　曲 管</v>
          </cell>
          <cell r="D31" t="str">
            <v>K形　φ100</v>
          </cell>
          <cell r="E31">
            <v>1</v>
          </cell>
          <cell r="F31" t="str">
            <v>本</v>
          </cell>
          <cell r="G31">
            <v>8002</v>
          </cell>
          <cell r="H31" t="str">
            <v>Ⅳ-256</v>
          </cell>
        </row>
        <row r="32">
          <cell r="B32" t="str">
            <v>ダクタイル鋳鉄管　４５°　曲 管</v>
          </cell>
          <cell r="D32" t="str">
            <v>K形　φ150</v>
          </cell>
          <cell r="E32">
            <v>1</v>
          </cell>
          <cell r="F32" t="str">
            <v>本</v>
          </cell>
          <cell r="G32">
            <v>14040</v>
          </cell>
          <cell r="H32" t="str">
            <v>Ⅳ-256</v>
          </cell>
        </row>
        <row r="33">
          <cell r="B33" t="str">
            <v>ダクタイル鋳鉄管　４５°　曲 管</v>
          </cell>
          <cell r="D33" t="str">
            <v>K形　φ200</v>
          </cell>
          <cell r="E33">
            <v>1</v>
          </cell>
          <cell r="F33" t="str">
            <v>本</v>
          </cell>
          <cell r="G33">
            <v>22932</v>
          </cell>
          <cell r="H33" t="str">
            <v>Ⅳ-256</v>
          </cell>
        </row>
        <row r="34">
          <cell r="B34" t="str">
            <v>ダクタイル鋳鉄管　４５°　曲 管</v>
          </cell>
          <cell r="D34" t="str">
            <v>K形　φ250</v>
          </cell>
          <cell r="E34">
            <v>1</v>
          </cell>
          <cell r="F34" t="str">
            <v>本</v>
          </cell>
          <cell r="G34">
            <v>30513</v>
          </cell>
          <cell r="H34" t="str">
            <v>Ⅳ-256</v>
          </cell>
        </row>
        <row r="35">
          <cell r="B35" t="str">
            <v>ダクタイル鋳鉄管　２２ １/２°　曲 管</v>
          </cell>
          <cell r="D35" t="str">
            <v>K形　φ 75</v>
          </cell>
          <cell r="E35">
            <v>1</v>
          </cell>
          <cell r="F35" t="str">
            <v>本</v>
          </cell>
          <cell r="G35">
            <v>6177</v>
          </cell>
          <cell r="H35" t="str">
            <v>Ⅳ-256</v>
          </cell>
        </row>
        <row r="36">
          <cell r="B36" t="str">
            <v>ダクタイル鋳鉄管　２２ １/２°　曲 管</v>
          </cell>
          <cell r="D36" t="str">
            <v>K形　φ100</v>
          </cell>
          <cell r="E36">
            <v>1</v>
          </cell>
          <cell r="F36" t="str">
            <v>本</v>
          </cell>
          <cell r="G36">
            <v>8002</v>
          </cell>
          <cell r="H36" t="str">
            <v>Ⅳ-256</v>
          </cell>
        </row>
        <row r="37">
          <cell r="B37" t="str">
            <v>ダクタイル鋳鉄管　２２ １/２°　曲 管</v>
          </cell>
          <cell r="D37" t="str">
            <v>K形　φ150</v>
          </cell>
          <cell r="E37">
            <v>1</v>
          </cell>
          <cell r="F37" t="str">
            <v>本</v>
          </cell>
          <cell r="G37">
            <v>13244</v>
          </cell>
          <cell r="H37" t="str">
            <v>Ⅳ-256</v>
          </cell>
        </row>
        <row r="38">
          <cell r="B38" t="str">
            <v>ダクタイル鋳鉄管　２２ １/２°　曲 管</v>
          </cell>
          <cell r="D38" t="str">
            <v>K形　φ200</v>
          </cell>
          <cell r="E38">
            <v>1</v>
          </cell>
          <cell r="F38" t="str">
            <v>本</v>
          </cell>
          <cell r="G38">
            <v>21715</v>
          </cell>
          <cell r="H38" t="str">
            <v>Ⅳ-256</v>
          </cell>
        </row>
        <row r="39">
          <cell r="B39" t="str">
            <v>ダクタイル鋳鉄管　２２ １/２°　曲 管</v>
          </cell>
          <cell r="D39" t="str">
            <v>K形　φ250</v>
          </cell>
          <cell r="E39">
            <v>1</v>
          </cell>
          <cell r="F39" t="str">
            <v>本</v>
          </cell>
          <cell r="G39">
            <v>28875</v>
          </cell>
          <cell r="H39" t="str">
            <v>Ⅳ-256</v>
          </cell>
        </row>
        <row r="40">
          <cell r="B40" t="str">
            <v>ダクタイル鋳鉄管　１１ １/４°　曲 管</v>
          </cell>
          <cell r="D40" t="str">
            <v>K形　φ 75</v>
          </cell>
          <cell r="E40">
            <v>1</v>
          </cell>
          <cell r="F40" t="str">
            <v>本</v>
          </cell>
          <cell r="G40">
            <v>8283</v>
          </cell>
          <cell r="H40" t="str">
            <v>Ⅳ-256</v>
          </cell>
        </row>
        <row r="41">
          <cell r="B41" t="str">
            <v>ダクタイル鋳鉄管　１１ １/４°　曲 管</v>
          </cell>
          <cell r="D41" t="str">
            <v>K形　φ100</v>
          </cell>
          <cell r="E41">
            <v>1</v>
          </cell>
          <cell r="F41" t="str">
            <v>本</v>
          </cell>
          <cell r="G41">
            <v>10717</v>
          </cell>
          <cell r="H41" t="str">
            <v>Ⅳ-256</v>
          </cell>
        </row>
        <row r="42">
          <cell r="B42" t="str">
            <v>ダクタイル鋳鉄管　１１ １/４°　曲 管</v>
          </cell>
          <cell r="D42" t="str">
            <v>K形　φ150</v>
          </cell>
          <cell r="E42">
            <v>1</v>
          </cell>
          <cell r="F42" t="str">
            <v>本</v>
          </cell>
          <cell r="G42">
            <v>16239</v>
          </cell>
          <cell r="H42" t="str">
            <v>Ⅳ-256</v>
          </cell>
        </row>
        <row r="43">
          <cell r="B43" t="str">
            <v>ダクタイル鋳鉄管　１１ １/４°　曲 管</v>
          </cell>
          <cell r="D43" t="str">
            <v>K形　φ200</v>
          </cell>
          <cell r="E43">
            <v>1</v>
          </cell>
          <cell r="F43" t="str">
            <v>本</v>
          </cell>
          <cell r="G43">
            <v>29296</v>
          </cell>
          <cell r="H43" t="str">
            <v>Ⅳ-256</v>
          </cell>
        </row>
        <row r="44">
          <cell r="B44" t="str">
            <v>ダクタイル鋳鉄管　１１ １/４°　曲 管</v>
          </cell>
          <cell r="D44" t="str">
            <v>K形　φ250</v>
          </cell>
          <cell r="E44">
            <v>1</v>
          </cell>
          <cell r="F44" t="str">
            <v>本</v>
          </cell>
          <cell r="G44">
            <v>39171</v>
          </cell>
          <cell r="H44" t="str">
            <v>Ⅳ-256</v>
          </cell>
        </row>
        <row r="45">
          <cell r="B45" t="str">
            <v>ダクタイル鋳鉄管　短管１号</v>
          </cell>
          <cell r="D45" t="str">
            <v>φ 75</v>
          </cell>
          <cell r="E45">
            <v>1</v>
          </cell>
          <cell r="F45" t="str">
            <v>本</v>
          </cell>
          <cell r="G45">
            <v>5054</v>
          </cell>
          <cell r="H45" t="str">
            <v>Ⅳ-256</v>
          </cell>
        </row>
        <row r="46">
          <cell r="B46" t="str">
            <v>ダクタイル鋳鉄管　短管１号</v>
          </cell>
          <cell r="D46" t="str">
            <v>φ100</v>
          </cell>
          <cell r="E46">
            <v>1</v>
          </cell>
          <cell r="F46" t="str">
            <v>本</v>
          </cell>
          <cell r="G46">
            <v>6364</v>
          </cell>
          <cell r="H46" t="str">
            <v>Ⅳ-256</v>
          </cell>
        </row>
        <row r="47">
          <cell r="B47" t="str">
            <v>ダクタイル鋳鉄管　短管１号</v>
          </cell>
          <cell r="D47" t="str">
            <v>φ150</v>
          </cell>
          <cell r="E47">
            <v>1</v>
          </cell>
          <cell r="F47" t="str">
            <v>本</v>
          </cell>
          <cell r="G47">
            <v>9172</v>
          </cell>
          <cell r="H47" t="str">
            <v>Ⅳ-256</v>
          </cell>
        </row>
        <row r="48">
          <cell r="B48" t="str">
            <v>ダクタイル鋳鉄管　短管１号</v>
          </cell>
          <cell r="D48" t="str">
            <v>φ200</v>
          </cell>
          <cell r="E48">
            <v>1</v>
          </cell>
          <cell r="F48" t="str">
            <v>本</v>
          </cell>
          <cell r="G48">
            <v>12355</v>
          </cell>
          <cell r="H48" t="str">
            <v>Ⅳ-256</v>
          </cell>
        </row>
        <row r="49">
          <cell r="B49" t="str">
            <v>ダクタイル鋳鉄管　短管１号</v>
          </cell>
          <cell r="D49" t="str">
            <v>φ250</v>
          </cell>
          <cell r="E49">
            <v>1</v>
          </cell>
          <cell r="F49" t="str">
            <v>本</v>
          </cell>
          <cell r="G49">
            <v>18018</v>
          </cell>
          <cell r="H49" t="str">
            <v>Ⅳ-256</v>
          </cell>
        </row>
        <row r="50">
          <cell r="B50" t="str">
            <v>ダクタイル鋳鉄管　短管２号</v>
          </cell>
          <cell r="D50" t="str">
            <v>φ 75</v>
          </cell>
          <cell r="E50">
            <v>1</v>
          </cell>
          <cell r="F50" t="str">
            <v>本</v>
          </cell>
          <cell r="G50">
            <v>7066</v>
          </cell>
          <cell r="H50" t="str">
            <v>Ⅳ-256</v>
          </cell>
        </row>
        <row r="51">
          <cell r="B51" t="str">
            <v>ダクタイル鋳鉄管　短管２号</v>
          </cell>
          <cell r="D51" t="str">
            <v>φ100</v>
          </cell>
          <cell r="E51">
            <v>1</v>
          </cell>
          <cell r="F51" t="str">
            <v>本</v>
          </cell>
          <cell r="G51">
            <v>8985</v>
          </cell>
          <cell r="H51" t="str">
            <v>Ⅳ-256</v>
          </cell>
        </row>
        <row r="52">
          <cell r="B52" t="str">
            <v>ダクタイル鋳鉄管　短管２号</v>
          </cell>
          <cell r="D52" t="str">
            <v>φ150</v>
          </cell>
          <cell r="E52">
            <v>1</v>
          </cell>
          <cell r="F52" t="str">
            <v>本</v>
          </cell>
          <cell r="G52">
            <v>13525</v>
          </cell>
          <cell r="H52" t="str">
            <v>Ⅳ-256</v>
          </cell>
        </row>
        <row r="53">
          <cell r="B53" t="str">
            <v>ダクタイル鋳鉄管　短管２号</v>
          </cell>
          <cell r="D53" t="str">
            <v>φ200</v>
          </cell>
          <cell r="E53">
            <v>1</v>
          </cell>
          <cell r="F53" t="str">
            <v>本</v>
          </cell>
          <cell r="G53">
            <v>20685</v>
          </cell>
          <cell r="H53" t="str">
            <v>Ⅳ-256</v>
          </cell>
        </row>
        <row r="54">
          <cell r="B54" t="str">
            <v>ダクタイル鋳鉄管　短管２号</v>
          </cell>
          <cell r="D54" t="str">
            <v>φ250</v>
          </cell>
          <cell r="E54">
            <v>1</v>
          </cell>
          <cell r="F54" t="str">
            <v>本</v>
          </cell>
          <cell r="G54">
            <v>28314</v>
          </cell>
          <cell r="H54" t="str">
            <v>Ⅳ-256</v>
          </cell>
        </row>
        <row r="55">
          <cell r="B55" t="str">
            <v>ダクタイル鋳鉄管　継ぎ輪</v>
          </cell>
          <cell r="D55" t="str">
            <v>K形　φ 75</v>
          </cell>
          <cell r="E55">
            <v>1</v>
          </cell>
          <cell r="F55" t="str">
            <v>本</v>
          </cell>
          <cell r="G55">
            <v>6645</v>
          </cell>
          <cell r="H55" t="str">
            <v>Ⅳ-256</v>
          </cell>
        </row>
        <row r="56">
          <cell r="B56" t="str">
            <v>ダクタイル鋳鉄管　継ぎ輪</v>
          </cell>
          <cell r="D56" t="str">
            <v>K形　φ100</v>
          </cell>
          <cell r="E56">
            <v>1</v>
          </cell>
          <cell r="F56" t="str">
            <v>本</v>
          </cell>
          <cell r="G56">
            <v>8377</v>
          </cell>
          <cell r="H56" t="str">
            <v>Ⅳ-256</v>
          </cell>
        </row>
        <row r="57">
          <cell r="B57" t="str">
            <v>ダクタイル鋳鉄管　継ぎ輪</v>
          </cell>
          <cell r="D57" t="str">
            <v>K形　φ150</v>
          </cell>
          <cell r="E57">
            <v>1</v>
          </cell>
          <cell r="F57" t="str">
            <v>本</v>
          </cell>
          <cell r="G57">
            <v>11746</v>
          </cell>
          <cell r="H57" t="str">
            <v>Ⅳ-256</v>
          </cell>
        </row>
        <row r="58">
          <cell r="B58" t="str">
            <v>ダクタイル鋳鉄管　継ぎ輪</v>
          </cell>
          <cell r="D58" t="str">
            <v>K形　φ200</v>
          </cell>
          <cell r="E58">
            <v>1</v>
          </cell>
          <cell r="F58" t="str">
            <v>本</v>
          </cell>
          <cell r="G58">
            <v>14695</v>
          </cell>
          <cell r="H58" t="str">
            <v>Ⅳ-256</v>
          </cell>
        </row>
        <row r="59">
          <cell r="B59" t="str">
            <v>ダクタイル鋳鉄管　継ぎ輪</v>
          </cell>
          <cell r="D59" t="str">
            <v>K形　φ250</v>
          </cell>
          <cell r="E59">
            <v>1</v>
          </cell>
          <cell r="F59" t="str">
            <v>本</v>
          </cell>
          <cell r="G59">
            <v>18205</v>
          </cell>
          <cell r="H59" t="str">
            <v>Ⅳ-256</v>
          </cell>
        </row>
        <row r="60">
          <cell r="B60" t="str">
            <v>ダクタイル鋳鉄管用受挿し片落管</v>
          </cell>
          <cell r="D60" t="str">
            <v>φ100×φ 75</v>
          </cell>
          <cell r="E60">
            <v>1</v>
          </cell>
          <cell r="F60" t="str">
            <v>本</v>
          </cell>
          <cell r="G60">
            <v>8456</v>
          </cell>
          <cell r="H60" t="str">
            <v>Ⅳ-256</v>
          </cell>
        </row>
        <row r="61">
          <cell r="B61" t="str">
            <v>ダクタイル鋳鉄管用受挿し片落管</v>
          </cell>
          <cell r="D61" t="str">
            <v>φ150×φ100</v>
          </cell>
          <cell r="E61">
            <v>1</v>
          </cell>
          <cell r="F61" t="str">
            <v>本</v>
          </cell>
          <cell r="G61">
            <v>11953</v>
          </cell>
          <cell r="H61" t="str">
            <v>Ⅳ-256</v>
          </cell>
        </row>
        <row r="62">
          <cell r="B62" t="str">
            <v>ダクタイル鋳鉄管用受挿し片落管</v>
          </cell>
          <cell r="D62" t="str">
            <v>φ200×φ100</v>
          </cell>
          <cell r="E62">
            <v>1</v>
          </cell>
          <cell r="F62" t="str">
            <v>本</v>
          </cell>
          <cell r="G62">
            <v>15921</v>
          </cell>
          <cell r="H62" t="str">
            <v>Ⅳ-256</v>
          </cell>
        </row>
        <row r="63">
          <cell r="B63" t="str">
            <v>ダクタイル鋳鉄管用受挿し片落管</v>
          </cell>
          <cell r="D63" t="str">
            <v>φ200×φ150</v>
          </cell>
          <cell r="E63">
            <v>1</v>
          </cell>
          <cell r="F63" t="str">
            <v>本</v>
          </cell>
          <cell r="G63">
            <v>18844</v>
          </cell>
          <cell r="H63" t="str">
            <v>Ⅳ-256</v>
          </cell>
        </row>
        <row r="64">
          <cell r="B64" t="str">
            <v>ダクタイル鋳鉄管用受挿し片落管</v>
          </cell>
          <cell r="D64" t="str">
            <v>φ250×φ100</v>
          </cell>
          <cell r="E64">
            <v>1</v>
          </cell>
          <cell r="F64" t="str">
            <v>本</v>
          </cell>
          <cell r="G64">
            <v>21610</v>
          </cell>
          <cell r="H64" t="str">
            <v>Ⅳ-256</v>
          </cell>
        </row>
        <row r="65">
          <cell r="B65" t="str">
            <v>ダクタイル鋳鉄管用受挿し片落管</v>
          </cell>
          <cell r="D65" t="str">
            <v>φ250×φ150</v>
          </cell>
          <cell r="E65">
            <v>1</v>
          </cell>
          <cell r="F65" t="str">
            <v>本</v>
          </cell>
          <cell r="G65">
            <v>25108</v>
          </cell>
          <cell r="H65" t="str">
            <v>Ⅳ-256</v>
          </cell>
        </row>
        <row r="66">
          <cell r="B66" t="str">
            <v>ダクタイル鋳鉄管用受挿し片落管</v>
          </cell>
          <cell r="D66" t="str">
            <v>φ250×φ200</v>
          </cell>
          <cell r="E66">
            <v>1</v>
          </cell>
          <cell r="F66" t="str">
            <v>本</v>
          </cell>
          <cell r="G66">
            <v>28083</v>
          </cell>
          <cell r="H66" t="str">
            <v>Ⅳ-256</v>
          </cell>
        </row>
        <row r="67">
          <cell r="B67" t="str">
            <v>ダクタイル鋳鉄管用挿し受片落管</v>
          </cell>
          <cell r="D67" t="str">
            <v>φ100×φ 75</v>
          </cell>
          <cell r="E67">
            <v>1</v>
          </cell>
          <cell r="F67" t="str">
            <v>本</v>
          </cell>
          <cell r="G67">
            <v>8038</v>
          </cell>
          <cell r="H67" t="str">
            <v>Ⅳ-256</v>
          </cell>
        </row>
        <row r="68">
          <cell r="B68" t="str">
            <v>ダクタイル鋳鉄管用挿し受片落管</v>
          </cell>
          <cell r="D68" t="str">
            <v>φ150×φ100</v>
          </cell>
          <cell r="E68">
            <v>1</v>
          </cell>
          <cell r="F68" t="str">
            <v>本</v>
          </cell>
          <cell r="G68">
            <v>11275</v>
          </cell>
          <cell r="H68" t="str">
            <v>Ⅳ-256</v>
          </cell>
        </row>
        <row r="69">
          <cell r="B69" t="str">
            <v>ダクタイル鋳鉄管用挿し受片落管</v>
          </cell>
          <cell r="D69" t="str">
            <v>φ200×φ100</v>
          </cell>
          <cell r="E69">
            <v>1</v>
          </cell>
          <cell r="F69" t="str">
            <v>本</v>
          </cell>
          <cell r="G69">
            <v>14877</v>
          </cell>
          <cell r="H69" t="str">
            <v>Ⅳ-256</v>
          </cell>
        </row>
        <row r="70">
          <cell r="B70" t="str">
            <v>ダクタイル鋳鉄管用挿し受片落管</v>
          </cell>
          <cell r="D70" t="str">
            <v>φ200×φ150</v>
          </cell>
          <cell r="E70">
            <v>1</v>
          </cell>
          <cell r="F70" t="str">
            <v>本</v>
          </cell>
          <cell r="G70">
            <v>18270</v>
          </cell>
          <cell r="H70" t="str">
            <v>Ⅳ-256</v>
          </cell>
        </row>
        <row r="71">
          <cell r="B71" t="str">
            <v>ダクタイル鋳鉄管用挿し受片落管</v>
          </cell>
          <cell r="D71" t="str">
            <v>φ250×φ100</v>
          </cell>
          <cell r="E71">
            <v>1</v>
          </cell>
          <cell r="F71" t="str">
            <v>本</v>
          </cell>
          <cell r="G71">
            <v>19992</v>
          </cell>
          <cell r="H71" t="str">
            <v>Ⅳ-256</v>
          </cell>
        </row>
        <row r="72">
          <cell r="B72" t="str">
            <v>ダクタイル鋳鉄管用挿し受片落管</v>
          </cell>
          <cell r="D72" t="str">
            <v>φ250×φ150</v>
          </cell>
          <cell r="E72">
            <v>1</v>
          </cell>
          <cell r="F72" t="str">
            <v>本</v>
          </cell>
          <cell r="G72">
            <v>23907</v>
          </cell>
          <cell r="H72" t="str">
            <v>Ⅳ-256</v>
          </cell>
        </row>
        <row r="73">
          <cell r="B73" t="str">
            <v>ダクタイル鋳鉄管用挿し受片落管</v>
          </cell>
          <cell r="D73" t="str">
            <v>φ250×φ200</v>
          </cell>
          <cell r="E73">
            <v>1</v>
          </cell>
          <cell r="F73" t="str">
            <v>本</v>
          </cell>
          <cell r="G73">
            <v>27509</v>
          </cell>
          <cell r="H73" t="str">
            <v>Ⅳ-256</v>
          </cell>
        </row>
        <row r="74">
          <cell r="B74" t="str">
            <v>ダクタイル鋳鉄管用メカ栓</v>
          </cell>
          <cell r="D74" t="str">
            <v>φ75</v>
          </cell>
          <cell r="E74">
            <v>1</v>
          </cell>
          <cell r="F74" t="str">
            <v>本</v>
          </cell>
          <cell r="G74">
            <v>2833</v>
          </cell>
          <cell r="H74" t="str">
            <v>Ⅳ-256</v>
          </cell>
        </row>
        <row r="75">
          <cell r="B75" t="str">
            <v>ダクタイル鋳鉄管用メカ栓</v>
          </cell>
          <cell r="D75" t="str">
            <v>φ100</v>
          </cell>
          <cell r="E75">
            <v>1</v>
          </cell>
          <cell r="F75" t="str">
            <v>本</v>
          </cell>
          <cell r="G75">
            <v>3893</v>
          </cell>
          <cell r="H75" t="str">
            <v>Ⅳ-256</v>
          </cell>
        </row>
        <row r="76">
          <cell r="B76" t="str">
            <v>ダクタイル鋳鉄管用メカ栓</v>
          </cell>
          <cell r="D76" t="str">
            <v>φ150</v>
          </cell>
          <cell r="E76">
            <v>1</v>
          </cell>
          <cell r="F76" t="str">
            <v>本</v>
          </cell>
          <cell r="G76">
            <v>5890</v>
          </cell>
          <cell r="H76" t="str">
            <v>Ⅳ-256</v>
          </cell>
        </row>
        <row r="77">
          <cell r="B77" t="str">
            <v>ダクタイル鋳鉄管用メカ栓</v>
          </cell>
          <cell r="D77" t="str">
            <v>φ200</v>
          </cell>
          <cell r="E77">
            <v>1</v>
          </cell>
          <cell r="F77" t="str">
            <v>本</v>
          </cell>
          <cell r="G77">
            <v>8639</v>
          </cell>
          <cell r="H77" t="str">
            <v>Ⅳ-256</v>
          </cell>
        </row>
        <row r="78">
          <cell r="B78" t="str">
            <v>ダクタイル鋳鉄管用メカ栓</v>
          </cell>
          <cell r="D78" t="str">
            <v>φ250</v>
          </cell>
          <cell r="E78">
            <v>1</v>
          </cell>
          <cell r="F78" t="str">
            <v>本</v>
          </cell>
          <cell r="G78">
            <v>11837</v>
          </cell>
          <cell r="H78" t="str">
            <v>Ⅳ-256</v>
          </cell>
        </row>
        <row r="79">
          <cell r="B79" t="str">
            <v>フランジ短管</v>
          </cell>
          <cell r="D79" t="str">
            <v>φ 75×250H</v>
          </cell>
          <cell r="E79">
            <v>1</v>
          </cell>
          <cell r="F79" t="str">
            <v>本</v>
          </cell>
          <cell r="G79">
            <v>6055</v>
          </cell>
          <cell r="H79" t="str">
            <v>Ⅳ-256</v>
          </cell>
        </row>
        <row r="80">
          <cell r="B80" t="str">
            <v>フランジ短管</v>
          </cell>
          <cell r="D80" t="str">
            <v>φ 75×500H</v>
          </cell>
          <cell r="E80">
            <v>1</v>
          </cell>
          <cell r="F80" t="str">
            <v>本</v>
          </cell>
          <cell r="G80">
            <v>8143</v>
          </cell>
          <cell r="H80" t="str">
            <v>Ⅳ-256</v>
          </cell>
        </row>
        <row r="81">
          <cell r="B81" t="str">
            <v>フランジ短管</v>
          </cell>
          <cell r="D81" t="str">
            <v>φ100×250H</v>
          </cell>
          <cell r="E81">
            <v>1</v>
          </cell>
          <cell r="F81" t="str">
            <v>本</v>
          </cell>
          <cell r="G81">
            <v>7464</v>
          </cell>
          <cell r="H81" t="str">
            <v>Ⅳ-256</v>
          </cell>
        </row>
        <row r="82">
          <cell r="B82" t="str">
            <v>貨物車　重機運搬費</v>
          </cell>
          <cell r="D82" t="str">
            <v>0.35m3 片道10km　11t車</v>
          </cell>
          <cell r="E82">
            <v>1</v>
          </cell>
          <cell r="F82" t="str">
            <v>回</v>
          </cell>
          <cell r="G82">
            <v>52000</v>
          </cell>
          <cell r="H82" t="str">
            <v>Ⅳ-300</v>
          </cell>
        </row>
        <row r="83">
          <cell r="A83" t="str">
            <v>Aコード</v>
          </cell>
        </row>
        <row r="84">
          <cell r="A84" t="str">
            <v>A0100</v>
          </cell>
          <cell r="B84" t="str">
            <v>特殊作業員</v>
          </cell>
          <cell r="E84">
            <v>1</v>
          </cell>
          <cell r="F84" t="str">
            <v>人</v>
          </cell>
          <cell r="G84">
            <v>18300</v>
          </cell>
        </row>
        <row r="85">
          <cell r="A85" t="str">
            <v>A0200</v>
          </cell>
          <cell r="B85" t="str">
            <v>普通作業員</v>
          </cell>
          <cell r="E85">
            <v>1</v>
          </cell>
          <cell r="F85" t="str">
            <v>人</v>
          </cell>
          <cell r="G85">
            <v>15400</v>
          </cell>
        </row>
        <row r="86">
          <cell r="A86" t="str">
            <v>A3100</v>
          </cell>
          <cell r="B86" t="str">
            <v>配管工</v>
          </cell>
          <cell r="E86">
            <v>1</v>
          </cell>
          <cell r="F86" t="str">
            <v>人</v>
          </cell>
          <cell r="G86">
            <v>17500</v>
          </cell>
        </row>
        <row r="87">
          <cell r="A87" t="str">
            <v>A4000</v>
          </cell>
          <cell r="B87" t="str">
            <v>世話役</v>
          </cell>
          <cell r="E87">
            <v>1</v>
          </cell>
          <cell r="F87" t="str">
            <v>人</v>
          </cell>
          <cell r="G87">
            <v>21300</v>
          </cell>
        </row>
        <row r="88">
          <cell r="A88" t="str">
            <v>Bコード</v>
          </cell>
        </row>
        <row r="89">
          <cell r="A89" t="str">
            <v>B7021</v>
          </cell>
          <cell r="B89" t="str">
            <v>区画線設置工</v>
          </cell>
          <cell r="D89" t="str">
            <v>実線　白線　W=15cm</v>
          </cell>
          <cell r="E89">
            <v>1</v>
          </cell>
          <cell r="F89" t="str">
            <v>ｍ</v>
          </cell>
          <cell r="G89">
            <v>257</v>
          </cell>
        </row>
        <row r="90">
          <cell r="A90" t="str">
            <v>B7023</v>
          </cell>
          <cell r="B90" t="str">
            <v>区画線設置工</v>
          </cell>
          <cell r="D90" t="str">
            <v>実線　白線　W=30cm</v>
          </cell>
          <cell r="E90">
            <v>1</v>
          </cell>
          <cell r="F90" t="str">
            <v>ｍ</v>
          </cell>
          <cell r="G90">
            <v>442</v>
          </cell>
        </row>
        <row r="91">
          <cell r="A91" t="str">
            <v>B7033</v>
          </cell>
          <cell r="B91" t="str">
            <v>区画線設置工</v>
          </cell>
          <cell r="D91" t="str">
            <v>実線　白線　W=45cm</v>
          </cell>
          <cell r="E91">
            <v>1</v>
          </cell>
          <cell r="F91" t="str">
            <v>ｍ</v>
          </cell>
          <cell r="G91">
            <v>625</v>
          </cell>
        </row>
        <row r="92">
          <cell r="A92" t="str">
            <v>B7036</v>
          </cell>
          <cell r="B92" t="str">
            <v>区画線設置工</v>
          </cell>
          <cell r="D92" t="str">
            <v>文字　白</v>
          </cell>
          <cell r="E92">
            <v>1</v>
          </cell>
          <cell r="F92" t="str">
            <v>ｍ</v>
          </cell>
          <cell r="G92">
            <v>507</v>
          </cell>
        </row>
        <row r="93">
          <cell r="A93" t="str">
            <v>B7036</v>
          </cell>
          <cell r="B93" t="str">
            <v>区画線設置工</v>
          </cell>
          <cell r="D93" t="str">
            <v>文字　黄</v>
          </cell>
          <cell r="E93">
            <v>1</v>
          </cell>
          <cell r="F93" t="str">
            <v>ｍ</v>
          </cell>
          <cell r="G93">
            <v>507</v>
          </cell>
        </row>
        <row r="94">
          <cell r="A94" t="str">
            <v>Cコード</v>
          </cell>
        </row>
        <row r="95">
          <cell r="A95" t="str">
            <v>C0041</v>
          </cell>
          <cell r="B95" t="str">
            <v>モルタルライニング Ｋ形 第３種ダクタイル鋳鉄管</v>
          </cell>
          <cell r="D95" t="str">
            <v>φ75×4.00ｍ</v>
          </cell>
          <cell r="E95">
            <v>1</v>
          </cell>
          <cell r="F95" t="str">
            <v>本</v>
          </cell>
          <cell r="G95">
            <v>10800</v>
          </cell>
          <cell r="H95" t="str">
            <v>52.1kg</v>
          </cell>
        </row>
        <row r="96">
          <cell r="A96" t="str">
            <v>C0042</v>
          </cell>
          <cell r="B96" t="str">
            <v>モルタルライニング Ｋ形 第３種ダクタイル鋳鉄管</v>
          </cell>
          <cell r="D96" t="str">
            <v>φ100×4.00ｍ</v>
          </cell>
          <cell r="E96">
            <v>1</v>
          </cell>
          <cell r="F96" t="str">
            <v>本</v>
          </cell>
          <cell r="G96">
            <v>14000</v>
          </cell>
          <cell r="H96" t="str">
            <v>67.0kg</v>
          </cell>
        </row>
        <row r="97">
          <cell r="A97" t="str">
            <v>C0043</v>
          </cell>
          <cell r="B97" t="str">
            <v>モルタルライニング Ｋ形 第３種ダクタイル鋳鉄管</v>
          </cell>
          <cell r="D97" t="str">
            <v>φ150×5.00ｍ</v>
          </cell>
          <cell r="E97">
            <v>1</v>
          </cell>
          <cell r="F97" t="str">
            <v>本</v>
          </cell>
          <cell r="G97">
            <v>24800</v>
          </cell>
          <cell r="H97" t="str">
            <v>119.0kg</v>
          </cell>
        </row>
        <row r="98">
          <cell r="A98" t="str">
            <v>C0044</v>
          </cell>
          <cell r="B98" t="str">
            <v>モルタルライニング Ｋ形 第３種ダクタイル鋳鉄管</v>
          </cell>
          <cell r="D98" t="str">
            <v>φ200×5.00ｍ</v>
          </cell>
          <cell r="E98">
            <v>1</v>
          </cell>
          <cell r="F98" t="str">
            <v>本</v>
          </cell>
          <cell r="G98">
            <v>32800</v>
          </cell>
          <cell r="H98" t="str">
            <v>157.0kg</v>
          </cell>
        </row>
        <row r="99">
          <cell r="A99" t="str">
            <v>C0045</v>
          </cell>
          <cell r="B99" t="str">
            <v>モルタルライニング Ｋ形 第３種ダクタイル鋳鉄管</v>
          </cell>
          <cell r="D99" t="str">
            <v>φ250×5.00ｍ</v>
          </cell>
          <cell r="E99">
            <v>1</v>
          </cell>
          <cell r="F99" t="str">
            <v>本</v>
          </cell>
          <cell r="G99">
            <v>40700</v>
          </cell>
          <cell r="H99" t="str">
            <v>195.0kg</v>
          </cell>
        </row>
        <row r="100">
          <cell r="A100" t="str">
            <v>C1701</v>
          </cell>
          <cell r="B100" t="str">
            <v>ダクタイル鋳鉄管　特殊押輪</v>
          </cell>
          <cell r="D100" t="str">
            <v>K形　φ75</v>
          </cell>
          <cell r="E100">
            <v>1</v>
          </cell>
          <cell r="F100" t="str">
            <v>組</v>
          </cell>
          <cell r="G100">
            <v>2490</v>
          </cell>
        </row>
        <row r="101">
          <cell r="A101" t="str">
            <v>C1702</v>
          </cell>
          <cell r="B101" t="str">
            <v>ダクタイル鋳鉄管　特殊押輪</v>
          </cell>
          <cell r="D101" t="str">
            <v>K形　φ100</v>
          </cell>
          <cell r="E101">
            <v>1</v>
          </cell>
          <cell r="F101" t="str">
            <v>組</v>
          </cell>
          <cell r="G101">
            <v>2910</v>
          </cell>
        </row>
        <row r="102">
          <cell r="A102" t="str">
            <v>C1703</v>
          </cell>
          <cell r="B102" t="str">
            <v>ダクタイル鋳鉄管　特殊押輪</v>
          </cell>
          <cell r="D102" t="str">
            <v>K形　φ150</v>
          </cell>
          <cell r="E102">
            <v>1</v>
          </cell>
          <cell r="F102" t="str">
            <v>組</v>
          </cell>
          <cell r="G102">
            <v>4360</v>
          </cell>
        </row>
        <row r="103">
          <cell r="A103" t="str">
            <v>C1704</v>
          </cell>
          <cell r="B103" t="str">
            <v>ダクタイル鋳鉄管　特殊押輪</v>
          </cell>
          <cell r="D103" t="str">
            <v>K形　φ200</v>
          </cell>
          <cell r="E103">
            <v>1</v>
          </cell>
          <cell r="F103" t="str">
            <v>組</v>
          </cell>
          <cell r="G103">
            <v>4900</v>
          </cell>
        </row>
        <row r="104">
          <cell r="A104" t="str">
            <v>C1705</v>
          </cell>
          <cell r="B104" t="str">
            <v>ダクタイル鋳鉄管　特殊押輪</v>
          </cell>
          <cell r="D104" t="str">
            <v>K形　φ250</v>
          </cell>
          <cell r="E104">
            <v>1</v>
          </cell>
          <cell r="F104" t="str">
            <v>組</v>
          </cell>
          <cell r="G104">
            <v>6630</v>
          </cell>
        </row>
        <row r="105">
          <cell r="A105" t="str">
            <v>C1861</v>
          </cell>
          <cell r="B105" t="str">
            <v>ダクタイル鋳鉄管　普通押輪</v>
          </cell>
          <cell r="D105" t="str">
            <v>K形　φ75</v>
          </cell>
          <cell r="E105">
            <v>1</v>
          </cell>
          <cell r="F105" t="str">
            <v>組</v>
          </cell>
          <cell r="G105">
            <v>1496</v>
          </cell>
        </row>
        <row r="106">
          <cell r="A106" t="str">
            <v>C1862</v>
          </cell>
          <cell r="B106" t="str">
            <v>ダクタイル鋳鉄管　普通押輪</v>
          </cell>
          <cell r="D106" t="str">
            <v>K形　φ100</v>
          </cell>
          <cell r="E106">
            <v>1</v>
          </cell>
          <cell r="F106" t="str">
            <v>組</v>
          </cell>
          <cell r="G106">
            <v>1880</v>
          </cell>
        </row>
        <row r="107">
          <cell r="A107" t="str">
            <v>C1863</v>
          </cell>
          <cell r="B107" t="str">
            <v>ダクタイル鋳鉄管　普通押輪</v>
          </cell>
          <cell r="D107" t="str">
            <v>K形　φ150</v>
          </cell>
          <cell r="E107">
            <v>1</v>
          </cell>
          <cell r="F107" t="str">
            <v>組</v>
          </cell>
          <cell r="G107">
            <v>2800</v>
          </cell>
        </row>
        <row r="108">
          <cell r="A108" t="str">
            <v>C1864</v>
          </cell>
          <cell r="B108" t="str">
            <v>ダクタイル鋳鉄管　普通押輪</v>
          </cell>
          <cell r="D108" t="str">
            <v>K形　φ200</v>
          </cell>
          <cell r="E108">
            <v>1</v>
          </cell>
          <cell r="F108" t="str">
            <v>組</v>
          </cell>
          <cell r="G108">
            <v>3278</v>
          </cell>
        </row>
        <row r="109">
          <cell r="A109" t="str">
            <v>C1865</v>
          </cell>
          <cell r="B109" t="str">
            <v>ダクタイル鋳鉄管　普通押輪</v>
          </cell>
          <cell r="D109" t="str">
            <v>K形　φ250</v>
          </cell>
          <cell r="E109">
            <v>1</v>
          </cell>
          <cell r="F109" t="str">
            <v>組</v>
          </cell>
          <cell r="G109">
            <v>4420</v>
          </cell>
        </row>
        <row r="110">
          <cell r="A110" t="str">
            <v>C2120</v>
          </cell>
          <cell r="B110" t="str">
            <v>ポリスリーブ用　　　　　　粘着テープ</v>
          </cell>
          <cell r="E110">
            <v>1</v>
          </cell>
          <cell r="F110" t="str">
            <v>巻</v>
          </cell>
          <cell r="G110">
            <v>240</v>
          </cell>
        </row>
        <row r="111">
          <cell r="A111" t="str">
            <v>C2121</v>
          </cell>
          <cell r="B111" t="str">
            <v>ポリエチレンスリーブ</v>
          </cell>
          <cell r="D111" t="str">
            <v>φ75</v>
          </cell>
          <cell r="E111">
            <v>1</v>
          </cell>
          <cell r="F111" t="str">
            <v>本</v>
          </cell>
          <cell r="G111">
            <v>656</v>
          </cell>
          <cell r="H111" t="str">
            <v>材料のみ　固定ﾊﾞﾝﾄﾞ含まない</v>
          </cell>
        </row>
        <row r="112">
          <cell r="A112" t="str">
            <v>C2122</v>
          </cell>
          <cell r="B112" t="str">
            <v>ポリエチレンスリーブ</v>
          </cell>
          <cell r="D112" t="str">
            <v>φ100</v>
          </cell>
          <cell r="E112">
            <v>1</v>
          </cell>
          <cell r="F112" t="str">
            <v>本</v>
          </cell>
          <cell r="G112">
            <v>720</v>
          </cell>
          <cell r="H112" t="str">
            <v>材料のみ　固定ﾊﾞﾝﾄﾞ含まない</v>
          </cell>
        </row>
        <row r="113">
          <cell r="A113" t="str">
            <v>C2123</v>
          </cell>
          <cell r="B113" t="str">
            <v>ポリエチレンスリーブ</v>
          </cell>
          <cell r="D113" t="str">
            <v>φ150</v>
          </cell>
          <cell r="E113">
            <v>1</v>
          </cell>
          <cell r="F113" t="str">
            <v>本</v>
          </cell>
          <cell r="G113">
            <v>1040</v>
          </cell>
          <cell r="H113" t="str">
            <v>材料のみ　固定ﾊﾞﾝﾄﾞ含まない</v>
          </cell>
        </row>
        <row r="114">
          <cell r="A114" t="str">
            <v>C2124</v>
          </cell>
          <cell r="B114" t="str">
            <v>ポリエチレンスリーブ</v>
          </cell>
          <cell r="D114" t="str">
            <v>φ200</v>
          </cell>
          <cell r="E114">
            <v>1</v>
          </cell>
          <cell r="F114" t="str">
            <v>本</v>
          </cell>
          <cell r="G114">
            <v>1200</v>
          </cell>
          <cell r="H114" t="str">
            <v>材料のみ　固定ﾊﾞﾝﾄﾞ含まない</v>
          </cell>
        </row>
        <row r="115">
          <cell r="A115" t="str">
            <v>C2125</v>
          </cell>
          <cell r="B115" t="str">
            <v>ポリエチレンスリーブ</v>
          </cell>
          <cell r="D115" t="str">
            <v>φ250</v>
          </cell>
          <cell r="E115">
            <v>1</v>
          </cell>
          <cell r="F115" t="str">
            <v>本</v>
          </cell>
          <cell r="G115">
            <v>1360</v>
          </cell>
          <cell r="H115" t="str">
            <v>材料のみ　固定ﾊﾞﾝﾄﾞ含まない</v>
          </cell>
        </row>
        <row r="116">
          <cell r="A116" t="str">
            <v>C2126</v>
          </cell>
          <cell r="B116" t="str">
            <v>ポリエチレンスリーブ</v>
          </cell>
          <cell r="D116" t="str">
            <v>φ300</v>
          </cell>
          <cell r="E116">
            <v>1</v>
          </cell>
          <cell r="F116" t="str">
            <v>本</v>
          </cell>
          <cell r="G116">
            <v>1860</v>
          </cell>
          <cell r="H116" t="str">
            <v>材料のみ　固定ﾊﾞﾝﾄﾞ含まない</v>
          </cell>
        </row>
        <row r="117">
          <cell r="A117" t="str">
            <v>C2136</v>
          </cell>
          <cell r="B117" t="str">
            <v>固定ゴムバンド</v>
          </cell>
          <cell r="D117" t="str">
            <v>φ75</v>
          </cell>
          <cell r="E117">
            <v>1</v>
          </cell>
          <cell r="F117" t="str">
            <v>組</v>
          </cell>
          <cell r="G117">
            <v>58</v>
          </cell>
        </row>
        <row r="118">
          <cell r="A118" t="str">
            <v>C2137</v>
          </cell>
          <cell r="B118" t="str">
            <v>固定ゴムバンド</v>
          </cell>
          <cell r="D118" t="str">
            <v>φ100</v>
          </cell>
          <cell r="E118">
            <v>1</v>
          </cell>
          <cell r="F118" t="str">
            <v>組</v>
          </cell>
          <cell r="G118">
            <v>67</v>
          </cell>
        </row>
        <row r="119">
          <cell r="A119" t="str">
            <v>C2138</v>
          </cell>
          <cell r="B119" t="str">
            <v>固定ゴムバンド</v>
          </cell>
          <cell r="D119" t="str">
            <v>φ150</v>
          </cell>
          <cell r="E119">
            <v>1</v>
          </cell>
          <cell r="F119" t="str">
            <v>組</v>
          </cell>
          <cell r="G119">
            <v>76</v>
          </cell>
        </row>
        <row r="120">
          <cell r="A120" t="str">
            <v>C2139</v>
          </cell>
          <cell r="B120" t="str">
            <v>固定ゴムバンド</v>
          </cell>
          <cell r="D120" t="str">
            <v>φ200</v>
          </cell>
          <cell r="E120">
            <v>1</v>
          </cell>
          <cell r="F120" t="str">
            <v>組</v>
          </cell>
          <cell r="G120">
            <v>94</v>
          </cell>
        </row>
        <row r="121">
          <cell r="A121" t="str">
            <v>C2140</v>
          </cell>
          <cell r="B121" t="str">
            <v>固定ゴムバンド</v>
          </cell>
          <cell r="D121" t="str">
            <v>φ250</v>
          </cell>
          <cell r="E121">
            <v>1</v>
          </cell>
          <cell r="F121" t="str">
            <v>組</v>
          </cell>
          <cell r="G121">
            <v>112</v>
          </cell>
        </row>
        <row r="122">
          <cell r="A122" t="str">
            <v>C2141</v>
          </cell>
          <cell r="B122" t="str">
            <v>固定ゴムバンド</v>
          </cell>
          <cell r="D122" t="str">
            <v>φ300</v>
          </cell>
          <cell r="E122">
            <v>1</v>
          </cell>
          <cell r="F122" t="str">
            <v>組</v>
          </cell>
          <cell r="G122">
            <v>121</v>
          </cell>
        </row>
        <row r="123">
          <cell r="A123" t="str">
            <v>Rコード</v>
          </cell>
        </row>
        <row r="124">
          <cell r="A124" t="str">
            <v>R0035</v>
          </cell>
          <cell r="B124" t="str">
            <v>基面整正工</v>
          </cell>
          <cell r="D124" t="str">
            <v>人力</v>
          </cell>
          <cell r="E124">
            <v>1</v>
          </cell>
          <cell r="F124" t="str">
            <v>ｍ2</v>
          </cell>
          <cell r="G124">
            <v>308</v>
          </cell>
        </row>
        <row r="125">
          <cell r="A125" t="str">
            <v>R0092</v>
          </cell>
          <cell r="B125" t="str">
            <v>小車運搬工</v>
          </cell>
          <cell r="D125" t="str">
            <v>砂　Ｌ＝40m</v>
          </cell>
          <cell r="E125">
            <v>1</v>
          </cell>
          <cell r="F125" t="str">
            <v>ｔ</v>
          </cell>
          <cell r="G125">
            <v>1540</v>
          </cell>
        </row>
        <row r="126">
          <cell r="A126" t="str">
            <v>R0092</v>
          </cell>
          <cell r="B126" t="str">
            <v>小車運搬工</v>
          </cell>
          <cell r="D126" t="str">
            <v>RC-40　Ｌ＝40m</v>
          </cell>
          <cell r="E126">
            <v>1</v>
          </cell>
          <cell r="F126" t="str">
            <v>ｔ</v>
          </cell>
          <cell r="G126">
            <v>1540</v>
          </cell>
        </row>
        <row r="127">
          <cell r="A127" t="str">
            <v>R0307</v>
          </cell>
          <cell r="B127" t="str">
            <v>鋼管据付工</v>
          </cell>
          <cell r="D127" t="str">
            <v>65A</v>
          </cell>
          <cell r="E127">
            <v>1</v>
          </cell>
          <cell r="F127" t="str">
            <v>ｍ</v>
          </cell>
          <cell r="G127">
            <v>704</v>
          </cell>
        </row>
        <row r="128">
          <cell r="A128" t="str">
            <v>R0310</v>
          </cell>
          <cell r="B128" t="str">
            <v>鋼管据付工</v>
          </cell>
          <cell r="D128" t="str">
            <v>150A</v>
          </cell>
          <cell r="E128">
            <v>1</v>
          </cell>
          <cell r="F128" t="str">
            <v>ｍ</v>
          </cell>
          <cell r="G128">
            <v>1064</v>
          </cell>
        </row>
        <row r="129">
          <cell r="A129" t="str">
            <v>R0317</v>
          </cell>
          <cell r="B129" t="str">
            <v>鋼管継手工</v>
          </cell>
          <cell r="D129" t="str">
            <v>65A</v>
          </cell>
          <cell r="E129">
            <v>1</v>
          </cell>
          <cell r="F129" t="str">
            <v>ヶ所</v>
          </cell>
          <cell r="G129">
            <v>3886</v>
          </cell>
        </row>
        <row r="130">
          <cell r="A130" t="str">
            <v>R0320</v>
          </cell>
          <cell r="B130" t="str">
            <v>鋼管継手工</v>
          </cell>
          <cell r="D130" t="str">
            <v>150A</v>
          </cell>
          <cell r="E130">
            <v>1</v>
          </cell>
          <cell r="F130" t="str">
            <v>ヶ所</v>
          </cell>
          <cell r="G130">
            <v>6078</v>
          </cell>
        </row>
        <row r="131">
          <cell r="A131" t="str">
            <v>R0323</v>
          </cell>
          <cell r="B131" t="str">
            <v>硬質塩化ビニル管　据付工</v>
          </cell>
          <cell r="D131" t="str">
            <v>φ20</v>
          </cell>
          <cell r="E131">
            <v>1</v>
          </cell>
          <cell r="F131" t="str">
            <v>ｍ</v>
          </cell>
          <cell r="G131">
            <v>307</v>
          </cell>
        </row>
        <row r="132">
          <cell r="A132" t="str">
            <v>R0324</v>
          </cell>
          <cell r="B132" t="str">
            <v>硬質塩化ビニル管　据付工</v>
          </cell>
          <cell r="D132" t="str">
            <v>φ25</v>
          </cell>
          <cell r="E132">
            <v>1</v>
          </cell>
          <cell r="F132" t="str">
            <v>ｍ</v>
          </cell>
          <cell r="G132">
            <v>307</v>
          </cell>
        </row>
        <row r="133">
          <cell r="A133" t="str">
            <v>R0325</v>
          </cell>
          <cell r="B133" t="str">
            <v>硬質塩化ビニル管　据付工</v>
          </cell>
          <cell r="D133" t="str">
            <v>φ30</v>
          </cell>
          <cell r="E133">
            <v>1</v>
          </cell>
          <cell r="F133" t="str">
            <v>ｍ</v>
          </cell>
          <cell r="G133">
            <v>355</v>
          </cell>
        </row>
        <row r="134">
          <cell r="A134" t="str">
            <v>R0326</v>
          </cell>
          <cell r="B134" t="str">
            <v>硬質塩化ビニル管　据付工</v>
          </cell>
          <cell r="D134" t="str">
            <v>φ40</v>
          </cell>
          <cell r="E134">
            <v>1</v>
          </cell>
          <cell r="F134" t="str">
            <v>ｍ</v>
          </cell>
          <cell r="G134">
            <v>355</v>
          </cell>
        </row>
        <row r="135">
          <cell r="A135" t="str">
            <v>R0327</v>
          </cell>
          <cell r="B135" t="str">
            <v>硬質塩化ビニル管　据付工</v>
          </cell>
          <cell r="D135" t="str">
            <v>φ50</v>
          </cell>
          <cell r="E135">
            <v>1</v>
          </cell>
          <cell r="F135" t="str">
            <v>ｍ</v>
          </cell>
          <cell r="G135">
            <v>452</v>
          </cell>
        </row>
        <row r="136">
          <cell r="A136" t="str">
            <v>R0328</v>
          </cell>
          <cell r="B136" t="str">
            <v>硬質塩化ビニル管　据付工</v>
          </cell>
          <cell r="D136" t="str">
            <v>φ75</v>
          </cell>
          <cell r="E136">
            <v>1</v>
          </cell>
          <cell r="F136" t="str">
            <v>ｍ</v>
          </cell>
          <cell r="G136">
            <v>452</v>
          </cell>
        </row>
        <row r="137">
          <cell r="A137" t="str">
            <v>R0329</v>
          </cell>
          <cell r="B137" t="str">
            <v>硬質塩化ビニル管　据付工</v>
          </cell>
          <cell r="D137" t="str">
            <v>φ100</v>
          </cell>
          <cell r="E137">
            <v>1</v>
          </cell>
          <cell r="F137" t="str">
            <v>ｍ</v>
          </cell>
          <cell r="G137">
            <v>518</v>
          </cell>
        </row>
        <row r="138">
          <cell r="A138" t="str">
            <v>R0331</v>
          </cell>
          <cell r="B138" t="str">
            <v>硬質塩化ビニル管　据付工</v>
          </cell>
          <cell r="D138" t="str">
            <v>φ150</v>
          </cell>
          <cell r="E138">
            <v>1</v>
          </cell>
          <cell r="F138" t="str">
            <v>ｍ</v>
          </cell>
          <cell r="G138">
            <v>715</v>
          </cell>
        </row>
        <row r="139">
          <cell r="A139" t="str">
            <v>R0343</v>
          </cell>
          <cell r="B139" t="str">
            <v>硬質塩化ビニル管　継手工</v>
          </cell>
          <cell r="D139" t="str">
            <v>TS接合　φ20</v>
          </cell>
          <cell r="E139">
            <v>1</v>
          </cell>
          <cell r="F139" t="str">
            <v>口</v>
          </cell>
          <cell r="G139">
            <v>329</v>
          </cell>
        </row>
        <row r="140">
          <cell r="A140" t="str">
            <v>R0344</v>
          </cell>
          <cell r="B140" t="str">
            <v>硬質塩化ビニル管　継手工</v>
          </cell>
          <cell r="D140" t="str">
            <v>TS接合　φ25</v>
          </cell>
          <cell r="E140">
            <v>1</v>
          </cell>
          <cell r="F140" t="str">
            <v>口</v>
          </cell>
          <cell r="G140">
            <v>329</v>
          </cell>
        </row>
        <row r="141">
          <cell r="A141" t="str">
            <v>R0345</v>
          </cell>
          <cell r="B141" t="str">
            <v>硬質塩化ビニル管　継手工</v>
          </cell>
          <cell r="D141" t="str">
            <v>TS接合　φ30</v>
          </cell>
          <cell r="E141">
            <v>1</v>
          </cell>
          <cell r="F141" t="str">
            <v>口</v>
          </cell>
          <cell r="G141">
            <v>493</v>
          </cell>
        </row>
        <row r="142">
          <cell r="A142" t="str">
            <v>R0346</v>
          </cell>
          <cell r="B142" t="str">
            <v>硬質塩化ビニル管　継手工</v>
          </cell>
          <cell r="D142" t="str">
            <v>TS接合　φ40</v>
          </cell>
          <cell r="E142">
            <v>1</v>
          </cell>
          <cell r="F142" t="str">
            <v>口</v>
          </cell>
          <cell r="G142">
            <v>493</v>
          </cell>
        </row>
        <row r="143">
          <cell r="A143" t="str">
            <v>R0347</v>
          </cell>
          <cell r="B143" t="str">
            <v>硬質塩化ビニル管　継手工</v>
          </cell>
          <cell r="D143" t="str">
            <v>TS接合　φ50</v>
          </cell>
          <cell r="E143">
            <v>1</v>
          </cell>
          <cell r="F143" t="str">
            <v>口</v>
          </cell>
          <cell r="G143">
            <v>658</v>
          </cell>
        </row>
        <row r="144">
          <cell r="A144" t="str">
            <v>R0348</v>
          </cell>
          <cell r="B144" t="str">
            <v>硬質塩化ビニル管　継手工</v>
          </cell>
          <cell r="D144" t="str">
            <v>TS接合　φ75</v>
          </cell>
          <cell r="E144">
            <v>1</v>
          </cell>
          <cell r="F144" t="str">
            <v>口</v>
          </cell>
          <cell r="G144">
            <v>658</v>
          </cell>
        </row>
        <row r="145">
          <cell r="A145" t="str">
            <v>R0349</v>
          </cell>
          <cell r="B145" t="str">
            <v>硬質塩化ビニル管　継手工</v>
          </cell>
          <cell r="D145" t="str">
            <v>TS接合　φ100</v>
          </cell>
          <cell r="E145">
            <v>1</v>
          </cell>
          <cell r="F145" t="str">
            <v>口</v>
          </cell>
          <cell r="G145">
            <v>987</v>
          </cell>
        </row>
        <row r="146">
          <cell r="A146" t="str">
            <v>R0351</v>
          </cell>
          <cell r="B146" t="str">
            <v>硬質塩化ビニル管　継手工</v>
          </cell>
          <cell r="D146" t="str">
            <v>TS接合　φ150</v>
          </cell>
          <cell r="E146">
            <v>1</v>
          </cell>
          <cell r="F146" t="str">
            <v>口</v>
          </cell>
          <cell r="G146">
            <v>1151</v>
          </cell>
        </row>
        <row r="147">
          <cell r="A147" t="str">
            <v>R0354</v>
          </cell>
          <cell r="B147" t="str">
            <v>硬質塩化ビニル管　継手工</v>
          </cell>
          <cell r="D147" t="str">
            <v>RR接合　φ75</v>
          </cell>
          <cell r="E147">
            <v>1</v>
          </cell>
          <cell r="F147" t="str">
            <v>口</v>
          </cell>
          <cell r="G147">
            <v>987</v>
          </cell>
        </row>
        <row r="148">
          <cell r="A148" t="str">
            <v>R0354</v>
          </cell>
          <cell r="B148" t="str">
            <v>硬質塩化ビニル管　継手工</v>
          </cell>
          <cell r="D148" t="str">
            <v>RR接合　φ75</v>
          </cell>
          <cell r="E148">
            <v>1</v>
          </cell>
          <cell r="F148" t="str">
            <v>口</v>
          </cell>
          <cell r="G148">
            <v>1298</v>
          </cell>
          <cell r="H148" t="str">
            <v>離脱防止金具付</v>
          </cell>
        </row>
        <row r="149">
          <cell r="A149" t="str">
            <v>R0355</v>
          </cell>
          <cell r="B149" t="str">
            <v>硬質塩化ビニル管　継手工</v>
          </cell>
          <cell r="D149" t="str">
            <v>RR接合　φ100</v>
          </cell>
          <cell r="E149">
            <v>1</v>
          </cell>
          <cell r="F149" t="str">
            <v>口</v>
          </cell>
          <cell r="G149">
            <v>1645</v>
          </cell>
        </row>
        <row r="150">
          <cell r="A150" t="str">
            <v>R0357</v>
          </cell>
          <cell r="B150" t="str">
            <v>硬質塩化ビニル管　継手工</v>
          </cell>
          <cell r="D150" t="str">
            <v>RR接合　φ150</v>
          </cell>
          <cell r="E150">
            <v>1</v>
          </cell>
          <cell r="F150" t="str">
            <v>口</v>
          </cell>
          <cell r="G150">
            <v>1974</v>
          </cell>
        </row>
        <row r="151">
          <cell r="A151" t="str">
            <v>R0357</v>
          </cell>
          <cell r="B151" t="str">
            <v>硬質塩化ビニル管　継手工</v>
          </cell>
          <cell r="D151" t="str">
            <v>RR接合　φ150</v>
          </cell>
          <cell r="E151">
            <v>1</v>
          </cell>
          <cell r="F151" t="str">
            <v>口</v>
          </cell>
          <cell r="G151">
            <v>2597</v>
          </cell>
          <cell r="H151" t="str">
            <v>離脱防止金具付</v>
          </cell>
        </row>
        <row r="152">
          <cell r="A152" t="str">
            <v>R0361</v>
          </cell>
          <cell r="B152" t="str">
            <v>水道用ポリエチレン管　据付工</v>
          </cell>
          <cell r="D152" t="str">
            <v>φ13</v>
          </cell>
          <cell r="E152">
            <v>1</v>
          </cell>
          <cell r="F152" t="str">
            <v>ｍ</v>
          </cell>
          <cell r="G152">
            <v>259</v>
          </cell>
        </row>
        <row r="153">
          <cell r="A153" t="str">
            <v>R0362</v>
          </cell>
          <cell r="B153" t="str">
            <v>水道用ポリエチレン管　据付工</v>
          </cell>
          <cell r="D153" t="str">
            <v>φ20</v>
          </cell>
          <cell r="E153">
            <v>1</v>
          </cell>
          <cell r="F153" t="str">
            <v>ｍ</v>
          </cell>
          <cell r="G153">
            <v>307</v>
          </cell>
        </row>
        <row r="154">
          <cell r="A154" t="str">
            <v>R0363</v>
          </cell>
          <cell r="B154" t="str">
            <v>水道用ポリエチレン管　据付工</v>
          </cell>
          <cell r="D154" t="str">
            <v>φ25</v>
          </cell>
          <cell r="E154">
            <v>1</v>
          </cell>
          <cell r="F154" t="str">
            <v>ｍ</v>
          </cell>
          <cell r="G154">
            <v>307</v>
          </cell>
        </row>
        <row r="155">
          <cell r="A155" t="str">
            <v>R0364</v>
          </cell>
          <cell r="B155" t="str">
            <v>水道用ポリエチレン管　据付工</v>
          </cell>
          <cell r="D155" t="str">
            <v>φ30</v>
          </cell>
          <cell r="E155">
            <v>1</v>
          </cell>
          <cell r="F155" t="str">
            <v>ｍ</v>
          </cell>
          <cell r="G155">
            <v>355</v>
          </cell>
        </row>
        <row r="156">
          <cell r="A156" t="str">
            <v>R0365</v>
          </cell>
          <cell r="B156" t="str">
            <v>水道用ポリエチレン管　据付工</v>
          </cell>
          <cell r="D156" t="str">
            <v>φ40</v>
          </cell>
          <cell r="E156">
            <v>1</v>
          </cell>
          <cell r="F156" t="str">
            <v>ｍ</v>
          </cell>
          <cell r="G156">
            <v>355</v>
          </cell>
        </row>
        <row r="157">
          <cell r="A157" t="str">
            <v>R0366</v>
          </cell>
          <cell r="B157" t="str">
            <v>水道用ポリエチレン管　据付工</v>
          </cell>
          <cell r="D157" t="str">
            <v>φ50</v>
          </cell>
          <cell r="E157">
            <v>1</v>
          </cell>
          <cell r="F157" t="str">
            <v>ｍ</v>
          </cell>
          <cell r="G157">
            <v>452</v>
          </cell>
        </row>
        <row r="158">
          <cell r="A158" t="str">
            <v>R0371</v>
          </cell>
          <cell r="B158" t="str">
            <v>水道用ポリエチレン管　継手工</v>
          </cell>
          <cell r="D158" t="str">
            <v>φ13</v>
          </cell>
          <cell r="E158">
            <v>1</v>
          </cell>
          <cell r="F158" t="str">
            <v>口</v>
          </cell>
          <cell r="G158">
            <v>329</v>
          </cell>
        </row>
        <row r="159">
          <cell r="A159" t="str">
            <v>R0372</v>
          </cell>
          <cell r="B159" t="str">
            <v>水道用ポリエチレン管　継手工</v>
          </cell>
          <cell r="D159" t="str">
            <v>φ20</v>
          </cell>
          <cell r="E159">
            <v>1</v>
          </cell>
          <cell r="F159" t="str">
            <v>口</v>
          </cell>
          <cell r="G159">
            <v>658</v>
          </cell>
        </row>
        <row r="160">
          <cell r="A160" t="str">
            <v>R0373</v>
          </cell>
          <cell r="B160" t="str">
            <v>水道用ポリエチレン管　継手工</v>
          </cell>
          <cell r="D160" t="str">
            <v>φ25</v>
          </cell>
          <cell r="E160">
            <v>1</v>
          </cell>
          <cell r="F160" t="str">
            <v>口</v>
          </cell>
          <cell r="G160">
            <v>658</v>
          </cell>
        </row>
        <row r="161">
          <cell r="A161" t="str">
            <v>R0374</v>
          </cell>
          <cell r="B161" t="str">
            <v>水道用ポリエチレン管　継手工</v>
          </cell>
          <cell r="D161" t="str">
            <v>φ30</v>
          </cell>
          <cell r="E161">
            <v>1</v>
          </cell>
          <cell r="F161" t="str">
            <v>口</v>
          </cell>
          <cell r="G161">
            <v>987</v>
          </cell>
        </row>
        <row r="162">
          <cell r="A162" t="str">
            <v>R0375</v>
          </cell>
          <cell r="B162" t="str">
            <v>水道用ポリエチレン管　継手工</v>
          </cell>
          <cell r="D162" t="str">
            <v>φ40</v>
          </cell>
          <cell r="E162">
            <v>1</v>
          </cell>
          <cell r="F162" t="str">
            <v>口</v>
          </cell>
          <cell r="G162">
            <v>987</v>
          </cell>
        </row>
        <row r="163">
          <cell r="A163" t="str">
            <v>R0376</v>
          </cell>
          <cell r="B163" t="str">
            <v>水道用ポリエチレン管　継手工</v>
          </cell>
          <cell r="D163" t="str">
            <v>φ50</v>
          </cell>
          <cell r="E163">
            <v>1</v>
          </cell>
          <cell r="F163" t="str">
            <v>口</v>
          </cell>
          <cell r="G163">
            <v>1316</v>
          </cell>
        </row>
        <row r="164">
          <cell r="A164" t="str">
            <v>R0401</v>
          </cell>
          <cell r="B164" t="str">
            <v>空気弁取付工</v>
          </cell>
          <cell r="D164" t="str">
            <v>人力　φ25</v>
          </cell>
          <cell r="E164">
            <v>1</v>
          </cell>
          <cell r="F164" t="str">
            <v>基</v>
          </cell>
          <cell r="G164">
            <v>770</v>
          </cell>
        </row>
        <row r="165">
          <cell r="A165" t="str">
            <v>R1131</v>
          </cell>
          <cell r="B165" t="str">
            <v>管路埋戻工･埋戻工Ａ</v>
          </cell>
          <cell r="E165">
            <v>1</v>
          </cell>
          <cell r="F165" t="str">
            <v>ｍ3</v>
          </cell>
          <cell r="G165">
            <v>2059</v>
          </cell>
          <cell r="H165" t="str">
            <v>幅1.0m未満　B/H0.35m3級</v>
          </cell>
        </row>
        <row r="166">
          <cell r="A166" t="str">
            <v>Uコード</v>
          </cell>
        </row>
        <row r="167">
          <cell r="A167" t="str">
            <v>U0102</v>
          </cell>
          <cell r="B167" t="str">
            <v>掘削工</v>
          </cell>
          <cell r="D167" t="str">
            <v>人力</v>
          </cell>
          <cell r="E167">
            <v>1</v>
          </cell>
          <cell r="F167" t="str">
            <v>ｍ3</v>
          </cell>
          <cell r="G167">
            <v>3542</v>
          </cell>
        </row>
        <row r="168">
          <cell r="A168" t="str">
            <v>U0106</v>
          </cell>
          <cell r="B168" t="str">
            <v>埋戻工</v>
          </cell>
          <cell r="D168" t="str">
            <v>人力</v>
          </cell>
          <cell r="E168">
            <v>1</v>
          </cell>
          <cell r="F168" t="str">
            <v>ｍ3</v>
          </cell>
          <cell r="G168">
            <v>4590</v>
          </cell>
        </row>
        <row r="169">
          <cell r="A169" t="str">
            <v>U8053</v>
          </cell>
          <cell r="B169" t="str">
            <v>鋳鉄管据付工</v>
          </cell>
          <cell r="D169" t="str">
            <v>機械力  φ150</v>
          </cell>
          <cell r="E169">
            <v>1</v>
          </cell>
          <cell r="F169" t="str">
            <v>ｍ</v>
          </cell>
          <cell r="G169">
            <v>624</v>
          </cell>
        </row>
        <row r="170">
          <cell r="A170" t="str">
            <v>U8053</v>
          </cell>
          <cell r="B170" t="str">
            <v>鋳鉄管据付工</v>
          </cell>
          <cell r="D170" t="str">
            <v>機械力  φ200</v>
          </cell>
          <cell r="E170">
            <v>1</v>
          </cell>
          <cell r="F170" t="str">
            <v>ｍ</v>
          </cell>
          <cell r="G170">
            <v>669</v>
          </cell>
        </row>
        <row r="171">
          <cell r="A171" t="str">
            <v>U8053</v>
          </cell>
          <cell r="B171" t="str">
            <v>鋳鉄管据付工</v>
          </cell>
          <cell r="D171" t="str">
            <v>機械力  φ250</v>
          </cell>
          <cell r="E171">
            <v>1</v>
          </cell>
          <cell r="F171" t="str">
            <v>ｍ</v>
          </cell>
          <cell r="G171">
            <v>713</v>
          </cell>
        </row>
        <row r="172">
          <cell r="A172" t="str">
            <v>U8061</v>
          </cell>
          <cell r="B172" t="str">
            <v>メカニカル鋳鉄管　継手工</v>
          </cell>
          <cell r="D172" t="str">
            <v>φ75</v>
          </cell>
          <cell r="E172">
            <v>1</v>
          </cell>
          <cell r="F172" t="str">
            <v>口</v>
          </cell>
          <cell r="G172">
            <v>1661</v>
          </cell>
        </row>
        <row r="173">
          <cell r="A173" t="str">
            <v>U8061</v>
          </cell>
          <cell r="B173" t="str">
            <v>メカニカル鋳鉄管　継手工</v>
          </cell>
          <cell r="D173" t="str">
            <v>φ100</v>
          </cell>
          <cell r="E173">
            <v>1</v>
          </cell>
          <cell r="F173" t="str">
            <v>口</v>
          </cell>
          <cell r="G173">
            <v>1661</v>
          </cell>
        </row>
        <row r="174">
          <cell r="A174" t="str">
            <v>U8061</v>
          </cell>
          <cell r="B174" t="str">
            <v>メカニカル鋳鉄管　継手工</v>
          </cell>
          <cell r="D174" t="str">
            <v>φ150</v>
          </cell>
          <cell r="E174">
            <v>1</v>
          </cell>
          <cell r="F174" t="str">
            <v>口</v>
          </cell>
          <cell r="G174">
            <v>1993</v>
          </cell>
        </row>
        <row r="175">
          <cell r="A175" t="str">
            <v>U8061</v>
          </cell>
          <cell r="B175" t="str">
            <v>メカニカル鋳鉄管　継手工</v>
          </cell>
          <cell r="D175" t="str">
            <v>φ200</v>
          </cell>
          <cell r="E175">
            <v>1</v>
          </cell>
          <cell r="F175" t="str">
            <v>口</v>
          </cell>
          <cell r="G175">
            <v>2326</v>
          </cell>
        </row>
        <row r="176">
          <cell r="A176" t="str">
            <v>U8061</v>
          </cell>
          <cell r="B176" t="str">
            <v>メカニカル鋳鉄管　継手工</v>
          </cell>
          <cell r="D176" t="str">
            <v>φ250</v>
          </cell>
          <cell r="E176">
            <v>1</v>
          </cell>
          <cell r="F176" t="str">
            <v>口</v>
          </cell>
          <cell r="G176">
            <v>2658</v>
          </cell>
        </row>
        <row r="177">
          <cell r="A177" t="str">
            <v>U8061</v>
          </cell>
          <cell r="B177" t="str">
            <v>メカニカル鋳鉄管接合工</v>
          </cell>
          <cell r="D177" t="str">
            <v>特殊押輪  φ75</v>
          </cell>
          <cell r="E177">
            <v>1</v>
          </cell>
          <cell r="F177" t="str">
            <v>口</v>
          </cell>
          <cell r="G177">
            <v>1993</v>
          </cell>
        </row>
        <row r="178">
          <cell r="A178" t="str">
            <v>U8061</v>
          </cell>
          <cell r="B178" t="str">
            <v>メカニカル鋳鉄管接合工</v>
          </cell>
          <cell r="D178" t="str">
            <v>特殊押輪  φ100</v>
          </cell>
          <cell r="E178">
            <v>1</v>
          </cell>
          <cell r="F178" t="str">
            <v>口</v>
          </cell>
          <cell r="G178">
            <v>1993</v>
          </cell>
        </row>
        <row r="179">
          <cell r="A179" t="str">
            <v>U8061</v>
          </cell>
          <cell r="B179" t="str">
            <v>メカニカル鋳鉄管接合工</v>
          </cell>
          <cell r="D179" t="str">
            <v>特殊押輪  φ150</v>
          </cell>
          <cell r="E179">
            <v>1</v>
          </cell>
          <cell r="F179" t="str">
            <v>口</v>
          </cell>
          <cell r="G179">
            <v>2326</v>
          </cell>
        </row>
        <row r="180">
          <cell r="A180" t="str">
            <v>U8061</v>
          </cell>
          <cell r="B180" t="str">
            <v>メカニカル鋳鉄管接合工</v>
          </cell>
          <cell r="D180" t="str">
            <v>特殊押輪  φ200</v>
          </cell>
          <cell r="E180">
            <v>1</v>
          </cell>
          <cell r="F180" t="str">
            <v>口</v>
          </cell>
          <cell r="G180">
            <v>2658</v>
          </cell>
        </row>
        <row r="181">
          <cell r="A181" t="str">
            <v>U8061</v>
          </cell>
          <cell r="B181" t="str">
            <v>メカニカル鋳鉄管接合工</v>
          </cell>
          <cell r="D181" t="str">
            <v>特殊押輪  φ250</v>
          </cell>
          <cell r="E181">
            <v>1</v>
          </cell>
          <cell r="F181" t="str">
            <v>口</v>
          </cell>
          <cell r="G181">
            <v>2990</v>
          </cell>
        </row>
        <row r="182">
          <cell r="A182" t="str">
            <v>U8061</v>
          </cell>
          <cell r="B182" t="str">
            <v>メカニカル鋳鉄管接合工</v>
          </cell>
          <cell r="D182" t="str">
            <v>普通押輪  φ75</v>
          </cell>
          <cell r="E182">
            <v>1</v>
          </cell>
          <cell r="F182" t="str">
            <v>口</v>
          </cell>
          <cell r="G182">
            <v>1661</v>
          </cell>
        </row>
        <row r="183">
          <cell r="A183" t="str">
            <v>U8061</v>
          </cell>
          <cell r="B183" t="str">
            <v>メカニカル鋳鉄管接合工</v>
          </cell>
          <cell r="D183" t="str">
            <v>普通押輪  φ100</v>
          </cell>
          <cell r="E183">
            <v>1</v>
          </cell>
          <cell r="F183" t="str">
            <v>口</v>
          </cell>
          <cell r="G183">
            <v>1661</v>
          </cell>
        </row>
        <row r="184">
          <cell r="A184" t="str">
            <v>U8061</v>
          </cell>
          <cell r="B184" t="str">
            <v>メカニカル鋳鉄管接合工</v>
          </cell>
          <cell r="D184" t="str">
            <v>普通押輪  φ150</v>
          </cell>
          <cell r="E184">
            <v>1</v>
          </cell>
          <cell r="F184" t="str">
            <v>口</v>
          </cell>
          <cell r="G184">
            <v>1993</v>
          </cell>
        </row>
        <row r="185">
          <cell r="A185" t="str">
            <v>U8061</v>
          </cell>
          <cell r="B185" t="str">
            <v>メカニカル鋳鉄管接合工</v>
          </cell>
          <cell r="D185" t="str">
            <v>普通押輪  φ200</v>
          </cell>
          <cell r="E185">
            <v>1</v>
          </cell>
          <cell r="F185" t="str">
            <v>口</v>
          </cell>
          <cell r="G185">
            <v>2326</v>
          </cell>
        </row>
        <row r="186">
          <cell r="A186" t="str">
            <v>U8061</v>
          </cell>
          <cell r="B186" t="str">
            <v>メカニカル鋳鉄管接合工</v>
          </cell>
          <cell r="D186" t="str">
            <v>普通押輪  φ250</v>
          </cell>
          <cell r="E186">
            <v>1</v>
          </cell>
          <cell r="F186" t="str">
            <v>口</v>
          </cell>
          <cell r="G186">
            <v>2658</v>
          </cell>
        </row>
        <row r="187">
          <cell r="A187" t="str">
            <v>U8062</v>
          </cell>
          <cell r="B187" t="str">
            <v>フランジ接合工</v>
          </cell>
          <cell r="D187" t="str">
            <v>φ75</v>
          </cell>
          <cell r="E187">
            <v>1</v>
          </cell>
          <cell r="F187" t="str">
            <v>口</v>
          </cell>
          <cell r="G187">
            <v>1661</v>
          </cell>
        </row>
        <row r="188">
          <cell r="A188" t="str">
            <v>U8062</v>
          </cell>
          <cell r="B188" t="str">
            <v>フランジ接合工</v>
          </cell>
          <cell r="D188" t="str">
            <v>φ100</v>
          </cell>
          <cell r="E188">
            <v>1</v>
          </cell>
          <cell r="F188" t="str">
            <v>口</v>
          </cell>
          <cell r="G188">
            <v>1993</v>
          </cell>
        </row>
        <row r="189">
          <cell r="A189" t="str">
            <v>U8062</v>
          </cell>
          <cell r="B189" t="str">
            <v>フランジ接合工</v>
          </cell>
          <cell r="D189" t="str">
            <v>φ150</v>
          </cell>
          <cell r="E189">
            <v>1</v>
          </cell>
          <cell r="F189" t="str">
            <v>口</v>
          </cell>
          <cell r="G189">
            <v>2326</v>
          </cell>
        </row>
        <row r="190">
          <cell r="A190" t="str">
            <v>U8062</v>
          </cell>
          <cell r="B190" t="str">
            <v>フランジ接合工</v>
          </cell>
          <cell r="D190" t="str">
            <v>φ200</v>
          </cell>
          <cell r="E190">
            <v>1</v>
          </cell>
          <cell r="F190" t="str">
            <v>口</v>
          </cell>
          <cell r="G190">
            <v>2658</v>
          </cell>
        </row>
        <row r="191">
          <cell r="A191" t="str">
            <v>U8062</v>
          </cell>
          <cell r="B191" t="str">
            <v>フランジ接合工</v>
          </cell>
          <cell r="D191" t="str">
            <v>φ250</v>
          </cell>
          <cell r="E191">
            <v>1</v>
          </cell>
          <cell r="F191" t="str">
            <v>口</v>
          </cell>
          <cell r="G191">
            <v>3322</v>
          </cell>
        </row>
        <row r="192">
          <cell r="A192" t="str">
            <v>U8065</v>
          </cell>
          <cell r="B192" t="str">
            <v>鋳鉄管切断工</v>
          </cell>
          <cell r="D192" t="str">
            <v>φ150　エンジンカッター</v>
          </cell>
          <cell r="E192">
            <v>1</v>
          </cell>
          <cell r="F192" t="str">
            <v>口</v>
          </cell>
          <cell r="G192">
            <v>2084</v>
          </cell>
        </row>
        <row r="193">
          <cell r="A193" t="str">
            <v>U8065</v>
          </cell>
          <cell r="B193" t="str">
            <v>鋳鉄管切断工</v>
          </cell>
          <cell r="D193" t="str">
            <v>φ200　エンジンカッター</v>
          </cell>
          <cell r="E193">
            <v>1</v>
          </cell>
          <cell r="F193" t="str">
            <v>口</v>
          </cell>
          <cell r="G193">
            <v>2443</v>
          </cell>
        </row>
        <row r="194">
          <cell r="A194" t="str">
            <v>U8065</v>
          </cell>
          <cell r="B194" t="str">
            <v>鋳鉄管切断工</v>
          </cell>
          <cell r="D194" t="str">
            <v>φ250　エンジンカッター</v>
          </cell>
          <cell r="E194">
            <v>1</v>
          </cell>
          <cell r="F194" t="str">
            <v>口</v>
          </cell>
          <cell r="G194">
            <v>2604</v>
          </cell>
        </row>
        <row r="195">
          <cell r="A195" t="str">
            <v>U8081</v>
          </cell>
          <cell r="B195" t="str">
            <v>仕切弁設置工</v>
          </cell>
          <cell r="D195" t="str">
            <v>人力　φ75</v>
          </cell>
          <cell r="E195">
            <v>1</v>
          </cell>
          <cell r="F195" t="str">
            <v>基</v>
          </cell>
          <cell r="G195">
            <v>3801</v>
          </cell>
        </row>
        <row r="196">
          <cell r="A196" t="str">
            <v>U8081</v>
          </cell>
          <cell r="B196" t="str">
            <v>仕切弁設置工</v>
          </cell>
          <cell r="D196" t="str">
            <v>人力　φ100</v>
          </cell>
          <cell r="E196">
            <v>1</v>
          </cell>
          <cell r="F196" t="str">
            <v>基</v>
          </cell>
          <cell r="G196">
            <v>4767</v>
          </cell>
        </row>
        <row r="197">
          <cell r="A197" t="str">
            <v>U8081</v>
          </cell>
          <cell r="B197" t="str">
            <v>仕切弁設置工</v>
          </cell>
          <cell r="D197" t="str">
            <v>人力　φ150</v>
          </cell>
          <cell r="E197">
            <v>1</v>
          </cell>
          <cell r="F197" t="str">
            <v>基</v>
          </cell>
          <cell r="G197">
            <v>7448</v>
          </cell>
        </row>
        <row r="198">
          <cell r="A198" t="str">
            <v>U8081</v>
          </cell>
          <cell r="B198" t="str">
            <v>仕切弁設置工</v>
          </cell>
          <cell r="D198" t="str">
            <v>人力　φ200</v>
          </cell>
          <cell r="E198">
            <v>1</v>
          </cell>
          <cell r="F198" t="str">
            <v>基</v>
          </cell>
          <cell r="G198">
            <v>9905</v>
          </cell>
        </row>
        <row r="199">
          <cell r="A199" t="str">
            <v>U8081</v>
          </cell>
          <cell r="B199" t="str">
            <v>仕切弁設置工</v>
          </cell>
          <cell r="D199" t="str">
            <v>人力　φ250</v>
          </cell>
          <cell r="E199">
            <v>1</v>
          </cell>
          <cell r="F199" t="str">
            <v>基</v>
          </cell>
          <cell r="G199">
            <v>13600</v>
          </cell>
        </row>
        <row r="204">
          <cell r="A204" t="str">
            <v>見積</v>
          </cell>
          <cell r="B204" t="str">
            <v>密粒度アスコン</v>
          </cell>
          <cell r="E204">
            <v>1</v>
          </cell>
          <cell r="F204" t="str">
            <v>t</v>
          </cell>
          <cell r="G204">
            <v>9000</v>
          </cell>
        </row>
        <row r="211">
          <cell r="A211" t="str">
            <v>Q0100</v>
          </cell>
          <cell r="B211" t="str">
            <v>特殊作業員</v>
          </cell>
          <cell r="D211" t="str">
            <v>打設手間控除</v>
          </cell>
          <cell r="E211">
            <v>1</v>
          </cell>
          <cell r="F211" t="str">
            <v>人</v>
          </cell>
          <cell r="G211">
            <v>-18300</v>
          </cell>
        </row>
        <row r="212">
          <cell r="A212" t="str">
            <v>Q0200</v>
          </cell>
          <cell r="B212" t="str">
            <v>普通作業員</v>
          </cell>
          <cell r="D212" t="str">
            <v>打設手間控除</v>
          </cell>
          <cell r="E212">
            <v>1</v>
          </cell>
          <cell r="F212" t="str">
            <v>人</v>
          </cell>
          <cell r="G212">
            <v>-15400</v>
          </cell>
        </row>
        <row r="213">
          <cell r="A213" t="str">
            <v>Q0201</v>
          </cell>
          <cell r="B213" t="str">
            <v>普通作業員</v>
          </cell>
          <cell r="D213" t="str">
            <v>養生手間控除</v>
          </cell>
          <cell r="E213">
            <v>1</v>
          </cell>
          <cell r="F213" t="str">
            <v>人</v>
          </cell>
          <cell r="G213">
            <v>-15400</v>
          </cell>
        </row>
        <row r="214">
          <cell r="A214" t="str">
            <v>Q4000</v>
          </cell>
          <cell r="B214" t="str">
            <v>世話役</v>
          </cell>
          <cell r="D214" t="str">
            <v>打設手間控除</v>
          </cell>
          <cell r="E214">
            <v>1</v>
          </cell>
          <cell r="F214" t="str">
            <v>人</v>
          </cell>
          <cell r="G214">
            <v>-21300</v>
          </cell>
        </row>
        <row r="215">
          <cell r="A215" t="str">
            <v>Q1504</v>
          </cell>
          <cell r="B215" t="str">
            <v>現場練コンクリート工</v>
          </cell>
          <cell r="D215" t="str">
            <v>舗装用　21-8-25</v>
          </cell>
          <cell r="E215">
            <v>1</v>
          </cell>
          <cell r="F215" t="str">
            <v>ｍ3</v>
          </cell>
          <cell r="G215">
            <v>23825</v>
          </cell>
        </row>
        <row r="216">
          <cell r="A216" t="str">
            <v>Q1505</v>
          </cell>
          <cell r="B216" t="str">
            <v>ミキサー運転</v>
          </cell>
          <cell r="E216">
            <v>1</v>
          </cell>
          <cell r="F216" t="str">
            <v>ｍ2</v>
          </cell>
          <cell r="G216">
            <v>25300</v>
          </cell>
        </row>
        <row r="253">
          <cell r="A253" t="str">
            <v>愛　知　県　建　設　部　単　価</v>
          </cell>
        </row>
        <row r="254">
          <cell r="B254" t="str">
            <v>項　　　　　目</v>
          </cell>
          <cell r="C254" t="str">
            <v>規格</v>
          </cell>
          <cell r="D254" t="str">
            <v>形状寸法</v>
          </cell>
          <cell r="F254" t="str">
            <v>単 位</v>
          </cell>
          <cell r="G254" t="str">
            <v>単価（円）</v>
          </cell>
          <cell r="H254" t="str">
            <v>摘　　　　　　要</v>
          </cell>
        </row>
        <row r="257">
          <cell r="A257" t="str">
            <v>C0009</v>
          </cell>
          <cell r="B257" t="str">
            <v>型枠</v>
          </cell>
          <cell r="D257" t="str">
            <v>小型　(Ⅱ)</v>
          </cell>
          <cell r="E257">
            <v>100</v>
          </cell>
          <cell r="F257" t="str">
            <v>ｍ2</v>
          </cell>
          <cell r="G257">
            <v>563000</v>
          </cell>
        </row>
        <row r="258">
          <cell r="A258" t="str">
            <v>C3401</v>
          </cell>
          <cell r="B258" t="str">
            <v>不陸整正工</v>
          </cell>
          <cell r="E258">
            <v>100</v>
          </cell>
          <cell r="F258" t="str">
            <v>ｍ2</v>
          </cell>
          <cell r="G258">
            <v>9534</v>
          </cell>
        </row>
        <row r="259">
          <cell r="A259" t="str">
            <v>C3608</v>
          </cell>
          <cell r="B259" t="str">
            <v>人力舗設</v>
          </cell>
          <cell r="D259" t="str">
            <v>プライムコートⅡ</v>
          </cell>
          <cell r="E259">
            <v>100</v>
          </cell>
          <cell r="F259" t="str">
            <v>ｍ2</v>
          </cell>
          <cell r="G259">
            <v>93090</v>
          </cell>
          <cell r="H259" t="str">
            <v>t≦5cm　　w＜1.6m</v>
          </cell>
        </row>
        <row r="260">
          <cell r="A260" t="str">
            <v>C3610</v>
          </cell>
          <cell r="B260" t="str">
            <v>人力舗設</v>
          </cell>
          <cell r="D260" t="str">
            <v>プライムコートⅡ</v>
          </cell>
          <cell r="E260">
            <v>100</v>
          </cell>
          <cell r="F260" t="str">
            <v>ｍ2</v>
          </cell>
          <cell r="G260">
            <v>112200</v>
          </cell>
          <cell r="H260" t="str">
            <v>5cm＜t≦10cm　　w＜1.6m</v>
          </cell>
        </row>
        <row r="261">
          <cell r="A261" t="str">
            <v>C3613</v>
          </cell>
          <cell r="B261" t="str">
            <v>人力舗設</v>
          </cell>
          <cell r="D261" t="str">
            <v>タックコート</v>
          </cell>
          <cell r="E261">
            <v>100</v>
          </cell>
          <cell r="F261" t="str">
            <v>ｍ2</v>
          </cell>
          <cell r="G261">
            <v>92580</v>
          </cell>
          <cell r="H261" t="str">
            <v>t≦5cm　　w＜1.6m</v>
          </cell>
        </row>
        <row r="262">
          <cell r="A262" t="str">
            <v>C4033</v>
          </cell>
          <cell r="B262" t="str">
            <v>舗装切断 　コンクリート</v>
          </cell>
          <cell r="D262" t="str">
            <v>ﾌﾞﾚｰﾄﾞ径　45～56cm</v>
          </cell>
          <cell r="E262">
            <v>100</v>
          </cell>
          <cell r="F262" t="str">
            <v>ｍ</v>
          </cell>
          <cell r="G262">
            <v>84110</v>
          </cell>
          <cell r="H262" t="str">
            <v>t≦20cm</v>
          </cell>
        </row>
        <row r="263">
          <cell r="A263" t="str">
            <v>C4035</v>
          </cell>
          <cell r="B263" t="str">
            <v>舗装切断 　コンクリート</v>
          </cell>
          <cell r="D263" t="str">
            <v>ﾌﾞﾚｰﾄﾞ径　75cm</v>
          </cell>
          <cell r="E263">
            <v>100</v>
          </cell>
          <cell r="F263" t="str">
            <v>ｍ</v>
          </cell>
          <cell r="G263">
            <v>166900</v>
          </cell>
          <cell r="H263" t="str">
            <v>t≦30cm</v>
          </cell>
        </row>
        <row r="264">
          <cell r="A264" t="str">
            <v>C4036</v>
          </cell>
          <cell r="B264" t="str">
            <v>舗装切断 　コンクリート</v>
          </cell>
          <cell r="D264" t="str">
            <v>ﾌﾞﾚｰﾄﾞ径　96～106cm</v>
          </cell>
          <cell r="E264">
            <v>100</v>
          </cell>
          <cell r="F264" t="str">
            <v>ｍ</v>
          </cell>
          <cell r="G264">
            <v>300000</v>
          </cell>
          <cell r="H264" t="str">
            <v>t≦45cm</v>
          </cell>
        </row>
        <row r="265">
          <cell r="A265" t="str">
            <v>C4043</v>
          </cell>
          <cell r="B265" t="str">
            <v>舗装切断 　アスファルト</v>
          </cell>
          <cell r="D265" t="str">
            <v>ﾌﾞﾚｰﾄﾞ径　45～56cm</v>
          </cell>
          <cell r="E265">
            <v>100</v>
          </cell>
          <cell r="F265" t="str">
            <v>ｍ</v>
          </cell>
          <cell r="G265">
            <v>42580</v>
          </cell>
          <cell r="H265" t="str">
            <v>t≦20cm</v>
          </cell>
        </row>
        <row r="266">
          <cell r="A266" t="str">
            <v>C4046</v>
          </cell>
          <cell r="B266" t="str">
            <v>舗装切断 　アスファルト</v>
          </cell>
          <cell r="D266" t="str">
            <v>ﾌﾞﾚｰﾄﾞ径　96～106cm</v>
          </cell>
          <cell r="E266">
            <v>100</v>
          </cell>
          <cell r="F266" t="str">
            <v>ｍ</v>
          </cell>
          <cell r="G266">
            <v>93430</v>
          </cell>
          <cell r="H266" t="str">
            <v>t≦45cm</v>
          </cell>
        </row>
        <row r="267">
          <cell r="A267" t="str">
            <v>C4074</v>
          </cell>
          <cell r="B267" t="str">
            <v>舗装取壊 　アスファルト・コンクリート</v>
          </cell>
          <cell r="D267" t="str">
            <v>人力</v>
          </cell>
          <cell r="E267">
            <v>1</v>
          </cell>
          <cell r="F267" t="str">
            <v>ｍ2</v>
          </cell>
          <cell r="G267">
            <v>33730</v>
          </cell>
          <cell r="H267" t="str">
            <v>t≦5cm</v>
          </cell>
        </row>
        <row r="268">
          <cell r="A268" t="str">
            <v>C4075</v>
          </cell>
          <cell r="B268" t="str">
            <v>舗装取壊 　アスファルト・コンクリート</v>
          </cell>
          <cell r="D268" t="str">
            <v>人力</v>
          </cell>
          <cell r="E268">
            <v>1</v>
          </cell>
          <cell r="F268" t="str">
            <v>ｍ2</v>
          </cell>
          <cell r="G268">
            <v>45430</v>
          </cell>
          <cell r="H268" t="str">
            <v>t≦15m</v>
          </cell>
        </row>
        <row r="269">
          <cell r="A269" t="str">
            <v>C4076</v>
          </cell>
          <cell r="B269" t="str">
            <v>舗装取壊 　アスファルト・コンクリート</v>
          </cell>
          <cell r="D269" t="str">
            <v>人力</v>
          </cell>
          <cell r="E269">
            <v>1</v>
          </cell>
          <cell r="F269" t="str">
            <v>ｍ2</v>
          </cell>
          <cell r="G269">
            <v>80470</v>
          </cell>
          <cell r="H269" t="str">
            <v>t≦20cm</v>
          </cell>
        </row>
        <row r="270">
          <cell r="A270" t="str">
            <v>C5640</v>
          </cell>
          <cell r="B270" t="str">
            <v>ダンプトラック運転費</v>
          </cell>
          <cell r="D270" t="str">
            <v>8t　土砂</v>
          </cell>
          <cell r="E270">
            <v>1</v>
          </cell>
          <cell r="F270" t="str">
            <v>ｈ</v>
          </cell>
          <cell r="G270">
            <v>5840</v>
          </cell>
          <cell r="H270" t="str">
            <v>割増率　0%</v>
          </cell>
        </row>
        <row r="271">
          <cell r="A271" t="str">
            <v>C5641</v>
          </cell>
          <cell r="B271" t="str">
            <v>ダンプトラック運転費</v>
          </cell>
          <cell r="D271" t="str">
            <v>8t　As</v>
          </cell>
          <cell r="E271">
            <v>1</v>
          </cell>
          <cell r="F271" t="str">
            <v>ｈ</v>
          </cell>
          <cell r="G271">
            <v>5884</v>
          </cell>
          <cell r="H271" t="str">
            <v>割増率　10%</v>
          </cell>
        </row>
        <row r="272">
          <cell r="A272" t="str">
            <v>C5642</v>
          </cell>
          <cell r="B272" t="str">
            <v>ダンプトラック運転費</v>
          </cell>
          <cell r="D272" t="str">
            <v>8t　Co</v>
          </cell>
          <cell r="E272">
            <v>1</v>
          </cell>
          <cell r="F272" t="str">
            <v>ｈ</v>
          </cell>
          <cell r="G272">
            <v>6014</v>
          </cell>
          <cell r="H272" t="str">
            <v>割増率　25%</v>
          </cell>
        </row>
        <row r="273">
          <cell r="A273" t="str">
            <v>C5730</v>
          </cell>
          <cell r="B273" t="str">
            <v>ダンプトラック運転費</v>
          </cell>
          <cell r="D273" t="str">
            <v>2t　土砂</v>
          </cell>
          <cell r="E273">
            <v>1</v>
          </cell>
          <cell r="F273" t="str">
            <v>日</v>
          </cell>
          <cell r="G273">
            <v>24150</v>
          </cell>
          <cell r="H273" t="str">
            <v>割増率　0%</v>
          </cell>
        </row>
        <row r="274">
          <cell r="A274" t="str">
            <v>C5731</v>
          </cell>
          <cell r="B274" t="str">
            <v>ダンプトラック運転費</v>
          </cell>
          <cell r="D274" t="str">
            <v>2t　As</v>
          </cell>
          <cell r="E274">
            <v>1</v>
          </cell>
          <cell r="F274" t="str">
            <v>日</v>
          </cell>
          <cell r="G274">
            <v>24320</v>
          </cell>
          <cell r="H274" t="str">
            <v>割増率　10%</v>
          </cell>
        </row>
        <row r="275">
          <cell r="A275" t="str">
            <v>C5732</v>
          </cell>
          <cell r="B275" t="str">
            <v>ダンプトラック運転費</v>
          </cell>
          <cell r="D275" t="str">
            <v>2t　Co</v>
          </cell>
          <cell r="E275">
            <v>1</v>
          </cell>
          <cell r="F275" t="str">
            <v>日</v>
          </cell>
          <cell r="G275">
            <v>24550</v>
          </cell>
          <cell r="H275" t="str">
            <v>割増率　25%</v>
          </cell>
        </row>
        <row r="276">
          <cell r="A276" t="str">
            <v>C5740</v>
          </cell>
          <cell r="B276" t="str">
            <v>ダンプトラック運転費</v>
          </cell>
          <cell r="D276" t="str">
            <v>4t　土砂</v>
          </cell>
          <cell r="E276">
            <v>1</v>
          </cell>
          <cell r="F276" t="str">
            <v>日</v>
          </cell>
          <cell r="G276">
            <v>27450</v>
          </cell>
          <cell r="H276" t="str">
            <v>割増率　0%</v>
          </cell>
        </row>
        <row r="277">
          <cell r="A277" t="str">
            <v>C5741</v>
          </cell>
          <cell r="B277" t="str">
            <v>ダンプトラック運転費</v>
          </cell>
          <cell r="D277" t="str">
            <v>4t　As</v>
          </cell>
          <cell r="E277">
            <v>1</v>
          </cell>
          <cell r="F277" t="str">
            <v>日</v>
          </cell>
          <cell r="G277">
            <v>27710</v>
          </cell>
          <cell r="H277" t="str">
            <v>割増率　10%</v>
          </cell>
        </row>
        <row r="278">
          <cell r="A278" t="str">
            <v>C5742</v>
          </cell>
          <cell r="B278" t="str">
            <v>ダンプトラック運転費</v>
          </cell>
          <cell r="D278" t="str">
            <v>4t　Co</v>
          </cell>
          <cell r="E278">
            <v>1</v>
          </cell>
          <cell r="F278" t="str">
            <v>日</v>
          </cell>
          <cell r="G278">
            <v>28050</v>
          </cell>
          <cell r="H278" t="str">
            <v>割増率　25%</v>
          </cell>
        </row>
        <row r="279">
          <cell r="A279" t="str">
            <v>C5760</v>
          </cell>
          <cell r="B279" t="str">
            <v>ダンプトラック運転費</v>
          </cell>
          <cell r="D279" t="str">
            <v>10t　土砂</v>
          </cell>
          <cell r="E279">
            <v>1</v>
          </cell>
          <cell r="F279" t="str">
            <v>日</v>
          </cell>
          <cell r="G279">
            <v>41380</v>
          </cell>
          <cell r="H279" t="str">
            <v>割増率　0%</v>
          </cell>
        </row>
        <row r="280">
          <cell r="A280" t="str">
            <v>C5761</v>
          </cell>
          <cell r="B280" t="str">
            <v>ダンプトラック運転費</v>
          </cell>
          <cell r="D280" t="str">
            <v>10t　As</v>
          </cell>
          <cell r="E280">
            <v>1</v>
          </cell>
          <cell r="F280" t="str">
            <v>日</v>
          </cell>
          <cell r="G280">
            <v>42130</v>
          </cell>
          <cell r="H280" t="str">
            <v>割増率　10%</v>
          </cell>
        </row>
        <row r="281">
          <cell r="A281" t="str">
            <v>C5762</v>
          </cell>
          <cell r="B281" t="str">
            <v>ダンプトラック運転費</v>
          </cell>
          <cell r="D281" t="str">
            <v>10t　Co</v>
          </cell>
          <cell r="E281">
            <v>1</v>
          </cell>
          <cell r="F281" t="str">
            <v>日</v>
          </cell>
          <cell r="G281">
            <v>43000</v>
          </cell>
          <cell r="H281" t="str">
            <v>割増率　25%</v>
          </cell>
        </row>
        <row r="282">
          <cell r="A282" t="str">
            <v>C5951</v>
          </cell>
          <cell r="B282" t="str">
            <v>バックホウ運転費</v>
          </cell>
          <cell r="D282" t="str">
            <v>0.10m3</v>
          </cell>
          <cell r="E282">
            <v>1</v>
          </cell>
          <cell r="F282" t="str">
            <v>ｈ</v>
          </cell>
          <cell r="G282">
            <v>5456</v>
          </cell>
        </row>
        <row r="283">
          <cell r="A283" t="str">
            <v>C5954</v>
          </cell>
          <cell r="B283" t="str">
            <v>バックホウ運転費</v>
          </cell>
          <cell r="D283" t="str">
            <v>0.20m3</v>
          </cell>
          <cell r="E283">
            <v>1</v>
          </cell>
          <cell r="F283" t="str">
            <v>ｈ</v>
          </cell>
          <cell r="G283">
            <v>5708</v>
          </cell>
        </row>
        <row r="284">
          <cell r="A284" t="str">
            <v>C5955</v>
          </cell>
          <cell r="B284" t="str">
            <v>バックホウ運転費</v>
          </cell>
          <cell r="D284" t="str">
            <v>0.20m3</v>
          </cell>
          <cell r="E284">
            <v>1</v>
          </cell>
          <cell r="F284" t="str">
            <v>日</v>
          </cell>
          <cell r="G284">
            <v>32040</v>
          </cell>
        </row>
        <row r="285">
          <cell r="A285" t="str">
            <v>C5956</v>
          </cell>
          <cell r="B285" t="str">
            <v>バックホウ運転費</v>
          </cell>
          <cell r="D285" t="str">
            <v>0.10m3</v>
          </cell>
          <cell r="E285">
            <v>1</v>
          </cell>
          <cell r="F285" t="str">
            <v>日</v>
          </cell>
          <cell r="G285">
            <v>28790</v>
          </cell>
        </row>
        <row r="286">
          <cell r="A286" t="str">
            <v>C5957</v>
          </cell>
          <cell r="B286" t="str">
            <v>バックホウ運転費</v>
          </cell>
          <cell r="D286" t="str">
            <v>0.35m3</v>
          </cell>
          <cell r="E286">
            <v>1</v>
          </cell>
          <cell r="F286" t="str">
            <v>日</v>
          </cell>
          <cell r="G286">
            <v>35380</v>
          </cell>
        </row>
        <row r="287">
          <cell r="A287" t="str">
            <v>C5958</v>
          </cell>
          <cell r="B287" t="str">
            <v>バックホウ運転費</v>
          </cell>
          <cell r="D287" t="str">
            <v>0.35m3</v>
          </cell>
          <cell r="E287">
            <v>1</v>
          </cell>
          <cell r="F287" t="str">
            <v>ｈ</v>
          </cell>
          <cell r="G287">
            <v>6569</v>
          </cell>
          <cell r="H287" t="str">
            <v>割増率　0%</v>
          </cell>
        </row>
        <row r="288">
          <cell r="A288" t="str">
            <v>C5960</v>
          </cell>
          <cell r="B288" t="str">
            <v>バックホウ運転費</v>
          </cell>
          <cell r="D288" t="str">
            <v>0.35m3</v>
          </cell>
          <cell r="E288">
            <v>1</v>
          </cell>
          <cell r="F288" t="str">
            <v>ｈ</v>
          </cell>
          <cell r="G288">
            <v>6669</v>
          </cell>
          <cell r="H288" t="str">
            <v>割増率　10%</v>
          </cell>
        </row>
        <row r="289">
          <cell r="A289" t="str">
            <v>C5961</v>
          </cell>
          <cell r="B289" t="str">
            <v>バックホウ運転費</v>
          </cell>
          <cell r="D289" t="str">
            <v>0.35m3</v>
          </cell>
          <cell r="E289">
            <v>1</v>
          </cell>
          <cell r="F289" t="str">
            <v>ｈ</v>
          </cell>
          <cell r="G289">
            <v>6819</v>
          </cell>
          <cell r="H289" t="str">
            <v>割増率　25%</v>
          </cell>
        </row>
        <row r="290">
          <cell r="A290" t="str">
            <v>C5962</v>
          </cell>
          <cell r="B290" t="str">
            <v>バックホウ運転費</v>
          </cell>
          <cell r="D290" t="str">
            <v>0.60m3</v>
          </cell>
          <cell r="E290">
            <v>1</v>
          </cell>
          <cell r="F290" t="str">
            <v>ｈ</v>
          </cell>
          <cell r="G290">
            <v>8826</v>
          </cell>
        </row>
        <row r="291">
          <cell r="A291" t="str">
            <v>C5963</v>
          </cell>
          <cell r="B291" t="str">
            <v>バックホウ運転費</v>
          </cell>
          <cell r="D291" t="str">
            <v>0.60m3</v>
          </cell>
          <cell r="E291">
            <v>1</v>
          </cell>
          <cell r="F291" t="str">
            <v>ｈ</v>
          </cell>
          <cell r="G291">
            <v>40180</v>
          </cell>
        </row>
        <row r="292">
          <cell r="A292" t="str">
            <v>C6107</v>
          </cell>
          <cell r="B292" t="str">
            <v>トラッッククレーン運転費</v>
          </cell>
          <cell r="D292" t="str">
            <v>4.8～4.9t吊</v>
          </cell>
          <cell r="E292">
            <v>1</v>
          </cell>
          <cell r="F292" t="str">
            <v>ｈ</v>
          </cell>
          <cell r="G292">
            <v>5968</v>
          </cell>
        </row>
        <row r="293">
          <cell r="A293" t="str">
            <v>C6634</v>
          </cell>
          <cell r="B293" t="str">
            <v>タンパ運転費</v>
          </cell>
          <cell r="D293" t="str">
            <v>60～100kg</v>
          </cell>
          <cell r="E293">
            <v>1</v>
          </cell>
          <cell r="F293" t="str">
            <v>日</v>
          </cell>
          <cell r="G293">
            <v>19700</v>
          </cell>
        </row>
        <row r="294">
          <cell r="A294" t="str">
            <v>C6640</v>
          </cell>
          <cell r="B294" t="str">
            <v>モーターグレーダ運転</v>
          </cell>
          <cell r="E294">
            <v>1</v>
          </cell>
          <cell r="F294" t="str">
            <v>日</v>
          </cell>
          <cell r="G294">
            <v>43810</v>
          </cell>
        </row>
        <row r="295">
          <cell r="A295" t="str">
            <v>C6644</v>
          </cell>
          <cell r="B295" t="str">
            <v>ロードローラ運転</v>
          </cell>
          <cell r="E295">
            <v>1</v>
          </cell>
          <cell r="F295" t="str">
            <v>日</v>
          </cell>
          <cell r="G295">
            <v>38300</v>
          </cell>
        </row>
        <row r="296">
          <cell r="A296" t="str">
            <v>C6649</v>
          </cell>
          <cell r="B296" t="str">
            <v>タイヤローラ運転</v>
          </cell>
          <cell r="E296">
            <v>1</v>
          </cell>
          <cell r="F296" t="str">
            <v>日</v>
          </cell>
          <cell r="G296">
            <v>35030</v>
          </cell>
        </row>
        <row r="297">
          <cell r="A297" t="str">
            <v>C6655</v>
          </cell>
          <cell r="B297" t="str">
            <v>振動ローラー運転費</v>
          </cell>
          <cell r="D297" t="str">
            <v>路盤用</v>
          </cell>
          <cell r="E297">
            <v>1</v>
          </cell>
          <cell r="F297" t="str">
            <v>日</v>
          </cell>
          <cell r="G297">
            <v>28110</v>
          </cell>
        </row>
        <row r="298">
          <cell r="A298" t="str">
            <v>C6656</v>
          </cell>
          <cell r="B298" t="str">
            <v>振動ローラー運転費</v>
          </cell>
          <cell r="D298" t="str">
            <v>舗装用</v>
          </cell>
          <cell r="E298">
            <v>1</v>
          </cell>
          <cell r="F298" t="str">
            <v>日</v>
          </cell>
          <cell r="G298">
            <v>28460</v>
          </cell>
        </row>
        <row r="299">
          <cell r="A299" t="str">
            <v>C6724</v>
          </cell>
          <cell r="B299" t="str">
            <v>路面切削機運転費</v>
          </cell>
          <cell r="D299" t="str">
            <v>ﾎｲｰﾙ式2ｍ級　廃材積込装置付</v>
          </cell>
          <cell r="E299">
            <v>1</v>
          </cell>
          <cell r="F299" t="str">
            <v>日</v>
          </cell>
          <cell r="G299">
            <v>219000</v>
          </cell>
        </row>
        <row r="300">
          <cell r="A300" t="str">
            <v>C6729</v>
          </cell>
          <cell r="B300" t="str">
            <v>路面清掃車運転費</v>
          </cell>
          <cell r="D300" t="str">
            <v>ﾌﾞﾗｼ式　2.0～3.1ｍ3</v>
          </cell>
          <cell r="E300">
            <v>1</v>
          </cell>
          <cell r="F300" t="str">
            <v>日</v>
          </cell>
          <cell r="G300">
            <v>54080</v>
          </cell>
        </row>
        <row r="301">
          <cell r="A301" t="str">
            <v>C6744</v>
          </cell>
          <cell r="B301" t="str">
            <v>大型ブレーカー運転費</v>
          </cell>
          <cell r="E301">
            <v>1</v>
          </cell>
          <cell r="F301" t="str">
            <v>ｈ</v>
          </cell>
          <cell r="G301">
            <v>8239</v>
          </cell>
        </row>
        <row r="302">
          <cell r="A302" t="str">
            <v>C6750</v>
          </cell>
          <cell r="B302" t="str">
            <v>大型ブレーカー運転費</v>
          </cell>
          <cell r="E302">
            <v>1</v>
          </cell>
          <cell r="F302" t="str">
            <v>日</v>
          </cell>
          <cell r="G302">
            <v>44970</v>
          </cell>
        </row>
        <row r="303">
          <cell r="A303" t="str">
            <v>C6753</v>
          </cell>
          <cell r="B303" t="str">
            <v>コンクリートカッター運転費</v>
          </cell>
          <cell r="D303" t="str">
            <v>ﾌﾞﾚｰﾄﾞ径　45～56cm</v>
          </cell>
          <cell r="E303">
            <v>1</v>
          </cell>
          <cell r="F303" t="str">
            <v>日</v>
          </cell>
          <cell r="G303">
            <v>21650</v>
          </cell>
        </row>
        <row r="304">
          <cell r="A304" t="str">
            <v>C6755</v>
          </cell>
          <cell r="B304" t="str">
            <v>コンクリートカッター運転費</v>
          </cell>
          <cell r="D304" t="str">
            <v>ﾌﾞﾚｰﾄﾞ径　75cm</v>
          </cell>
          <cell r="E304">
            <v>1</v>
          </cell>
          <cell r="F304" t="str">
            <v>日</v>
          </cell>
          <cell r="G304">
            <v>27740</v>
          </cell>
        </row>
        <row r="305">
          <cell r="A305" t="str">
            <v>C6756</v>
          </cell>
          <cell r="B305" t="str">
            <v>コンクリートカッター運転費</v>
          </cell>
          <cell r="D305" t="str">
            <v>ﾌﾞﾚｰﾄﾞ径　95～106cm</v>
          </cell>
          <cell r="E305">
            <v>1</v>
          </cell>
          <cell r="F305" t="str">
            <v>日</v>
          </cell>
          <cell r="G305">
            <v>28460</v>
          </cell>
        </row>
        <row r="306">
          <cell r="A306" t="str">
            <v>C6777</v>
          </cell>
          <cell r="B306" t="str">
            <v>クレーン付トラッック運転費</v>
          </cell>
          <cell r="D306" t="str">
            <v>4t積2.9t吊</v>
          </cell>
          <cell r="E306">
            <v>1</v>
          </cell>
          <cell r="F306" t="str">
            <v>ｈ</v>
          </cell>
          <cell r="G306">
            <v>5806</v>
          </cell>
        </row>
        <row r="307">
          <cell r="A307" t="str">
            <v>C6900</v>
          </cell>
          <cell r="B307" t="str">
            <v>アスファルトフィニッシャー運転費</v>
          </cell>
          <cell r="D307" t="str">
            <v>ｸﾛｰﾗ型1.6～3.0mm</v>
          </cell>
          <cell r="E307">
            <v>1</v>
          </cell>
          <cell r="F307" t="str">
            <v>日</v>
          </cell>
          <cell r="G307">
            <v>47510</v>
          </cell>
        </row>
        <row r="308">
          <cell r="A308" t="str">
            <v>C8314</v>
          </cell>
          <cell r="B308" t="str">
            <v>下層路盤工</v>
          </cell>
          <cell r="D308" t="str">
            <v>RC-40　t=10cm</v>
          </cell>
          <cell r="E308">
            <v>100</v>
          </cell>
          <cell r="F308" t="str">
            <v>ｍ2</v>
          </cell>
          <cell r="G308">
            <v>43450</v>
          </cell>
        </row>
        <row r="309">
          <cell r="A309" t="str">
            <v>C8767</v>
          </cell>
          <cell r="B309" t="str">
            <v>粒調路盤工</v>
          </cell>
          <cell r="D309" t="str">
            <v>M-40　t=10cm</v>
          </cell>
          <cell r="E309">
            <v>100</v>
          </cell>
          <cell r="F309" t="str">
            <v>ｍ2</v>
          </cell>
          <cell r="G309">
            <v>53610</v>
          </cell>
          <cell r="H309" t="str">
            <v>本土</v>
          </cell>
        </row>
        <row r="310">
          <cell r="A310" t="str">
            <v>Kコード</v>
          </cell>
        </row>
        <row r="311">
          <cell r="A311" t="str">
            <v>K0950</v>
          </cell>
          <cell r="B311" t="str">
            <v>トラッククレーン賃料</v>
          </cell>
          <cell r="D311" t="str">
            <v>4.8～4.9ｔ吊</v>
          </cell>
          <cell r="E311">
            <v>1</v>
          </cell>
          <cell r="F311" t="str">
            <v>日</v>
          </cell>
          <cell r="G311">
            <v>24800</v>
          </cell>
          <cell r="H311">
            <v>37438</v>
          </cell>
        </row>
        <row r="312">
          <cell r="A312" t="str">
            <v>Lコード</v>
          </cell>
        </row>
        <row r="313">
          <cell r="A313" t="str">
            <v>L3051</v>
          </cell>
          <cell r="B313" t="str">
            <v>コンクリートミキサー運転費</v>
          </cell>
          <cell r="D313" t="str">
            <v>8切ドラム　0.20ｍ3</v>
          </cell>
          <cell r="E313">
            <v>1</v>
          </cell>
          <cell r="F313" t="str">
            <v>日</v>
          </cell>
          <cell r="G313">
            <v>3560</v>
          </cell>
        </row>
        <row r="314">
          <cell r="A314" t="str">
            <v>Mコード</v>
          </cell>
        </row>
        <row r="315">
          <cell r="A315" t="str">
            <v>M3406</v>
          </cell>
          <cell r="B315" t="str">
            <v>発動発電機運転費</v>
          </cell>
          <cell r="D315" t="str">
            <v>ﾃﾞｨｰｾﾞﾙｴﾝｼﾞﾝ5KVA</v>
          </cell>
          <cell r="E315">
            <v>1</v>
          </cell>
          <cell r="F315" t="str">
            <v>日</v>
          </cell>
          <cell r="G315">
            <v>816</v>
          </cell>
          <cell r="H315">
            <v>37438</v>
          </cell>
        </row>
        <row r="316">
          <cell r="A316" t="str">
            <v>Nコード</v>
          </cell>
        </row>
        <row r="317">
          <cell r="A317" t="str">
            <v>N7991</v>
          </cell>
          <cell r="B317" t="str">
            <v>舗装処理　アスファルト</v>
          </cell>
          <cell r="E317">
            <v>1</v>
          </cell>
          <cell r="F317" t="str">
            <v>ｍ3</v>
          </cell>
          <cell r="G317">
            <v>2560</v>
          </cell>
          <cell r="H317">
            <v>37438</v>
          </cell>
        </row>
        <row r="318">
          <cell r="A318" t="str">
            <v>N7992</v>
          </cell>
          <cell r="B318" t="str">
            <v>舗装処理　コンクリート</v>
          </cell>
          <cell r="E318">
            <v>1</v>
          </cell>
          <cell r="F318" t="str">
            <v>ｍ3</v>
          </cell>
          <cell r="G318">
            <v>3310</v>
          </cell>
          <cell r="H318">
            <v>37438</v>
          </cell>
        </row>
        <row r="319">
          <cell r="A319" t="str">
            <v>N8017</v>
          </cell>
          <cell r="B319" t="str">
            <v>生コンクリート</v>
          </cell>
          <cell r="D319" t="str">
            <v>18-8-40</v>
          </cell>
          <cell r="E319">
            <v>1</v>
          </cell>
          <cell r="F319" t="str">
            <v>ｍ3</v>
          </cell>
          <cell r="G319">
            <v>8700</v>
          </cell>
          <cell r="H319">
            <v>37438</v>
          </cell>
        </row>
        <row r="320">
          <cell r="A320" t="str">
            <v>N8022</v>
          </cell>
          <cell r="B320" t="str">
            <v>生コンクリート</v>
          </cell>
          <cell r="D320" t="str">
            <v>24-8(12)-25</v>
          </cell>
          <cell r="E320">
            <v>1</v>
          </cell>
          <cell r="F320" t="str">
            <v>ｍ3</v>
          </cell>
          <cell r="G320">
            <v>9100</v>
          </cell>
          <cell r="H320">
            <v>37438</v>
          </cell>
        </row>
        <row r="321">
          <cell r="A321" t="str">
            <v>N8411</v>
          </cell>
          <cell r="B321" t="str">
            <v>再生密粒度ｱｽｺﾝ</v>
          </cell>
          <cell r="D321" t="str">
            <v>t=5cm</v>
          </cell>
          <cell r="E321">
            <v>1</v>
          </cell>
          <cell r="F321" t="str">
            <v>ｍ3</v>
          </cell>
          <cell r="G321">
            <v>7000</v>
          </cell>
          <cell r="H321">
            <v>37438</v>
          </cell>
        </row>
        <row r="322">
          <cell r="A322" t="str">
            <v>N8421</v>
          </cell>
          <cell r="B322" t="str">
            <v>再生粗粒度ｱｽｺﾝ</v>
          </cell>
          <cell r="E322">
            <v>1</v>
          </cell>
          <cell r="F322" t="str">
            <v>ｍ3</v>
          </cell>
          <cell r="G322">
            <v>6700</v>
          </cell>
          <cell r="H322">
            <v>37438</v>
          </cell>
        </row>
        <row r="323">
          <cell r="A323" t="str">
            <v>N8431</v>
          </cell>
          <cell r="B323" t="str">
            <v>再生歴青安定処理</v>
          </cell>
          <cell r="E323">
            <v>1</v>
          </cell>
          <cell r="F323" t="str">
            <v>ｍ3</v>
          </cell>
          <cell r="G323">
            <v>6400</v>
          </cell>
          <cell r="H323">
            <v>37438</v>
          </cell>
        </row>
        <row r="324">
          <cell r="A324" t="str">
            <v>Pコード</v>
          </cell>
        </row>
        <row r="325">
          <cell r="A325" t="str">
            <v>P0602</v>
          </cell>
          <cell r="B325" t="str">
            <v>軽油</v>
          </cell>
          <cell r="E325">
            <v>10</v>
          </cell>
          <cell r="F325" t="str">
            <v>L</v>
          </cell>
          <cell r="G325">
            <v>730</v>
          </cell>
          <cell r="H325">
            <v>37438</v>
          </cell>
        </row>
        <row r="326">
          <cell r="A326" t="str">
            <v>P3012</v>
          </cell>
          <cell r="B326" t="str">
            <v>アスファルト乳剤</v>
          </cell>
          <cell r="E326">
            <v>1</v>
          </cell>
          <cell r="F326" t="str">
            <v>Ｌ</v>
          </cell>
          <cell r="G326">
            <v>56</v>
          </cell>
          <cell r="H326">
            <v>37438</v>
          </cell>
        </row>
        <row r="327">
          <cell r="A327" t="str">
            <v>P3206</v>
          </cell>
          <cell r="B327" t="str">
            <v>コンクリートカッター刃</v>
          </cell>
          <cell r="D327" t="str">
            <v>65cm</v>
          </cell>
          <cell r="E327">
            <v>1</v>
          </cell>
          <cell r="F327" t="str">
            <v>枚</v>
          </cell>
          <cell r="G327">
            <v>104000</v>
          </cell>
          <cell r="H327">
            <v>37438</v>
          </cell>
        </row>
        <row r="328">
          <cell r="A328" t="str">
            <v>P3207</v>
          </cell>
          <cell r="B328" t="str">
            <v>コンクリートカッター刃</v>
          </cell>
          <cell r="D328" t="str">
            <v>75cm</v>
          </cell>
          <cell r="E328">
            <v>1</v>
          </cell>
          <cell r="F328" t="str">
            <v>枚</v>
          </cell>
          <cell r="G328">
            <v>123000</v>
          </cell>
          <cell r="H328">
            <v>37438</v>
          </cell>
        </row>
        <row r="329">
          <cell r="A329" t="str">
            <v>P3208</v>
          </cell>
          <cell r="B329" t="str">
            <v>コンクリートカッター刃</v>
          </cell>
          <cell r="D329" t="str">
            <v>106cm</v>
          </cell>
          <cell r="E329">
            <v>1</v>
          </cell>
          <cell r="F329" t="str">
            <v>枚</v>
          </cell>
          <cell r="G329">
            <v>224000</v>
          </cell>
          <cell r="H329">
            <v>37438</v>
          </cell>
        </row>
        <row r="330">
          <cell r="A330" t="str">
            <v>P7631</v>
          </cell>
          <cell r="B330" t="str">
            <v>構造物取壊し工　　　　　　　　　　機械施工</v>
          </cell>
          <cell r="D330" t="str">
            <v>無筋</v>
          </cell>
          <cell r="E330">
            <v>1</v>
          </cell>
          <cell r="F330" t="str">
            <v>ｍ3</v>
          </cell>
          <cell r="G330">
            <v>6425</v>
          </cell>
          <cell r="H330">
            <v>37438</v>
          </cell>
        </row>
        <row r="331">
          <cell r="A331" t="str">
            <v>P7632</v>
          </cell>
          <cell r="B331" t="str">
            <v>構造物取壊し工　　　　　　　　　　機械施工</v>
          </cell>
          <cell r="D331" t="str">
            <v>有筋</v>
          </cell>
          <cell r="E331">
            <v>1</v>
          </cell>
          <cell r="F331" t="str">
            <v>ｍ3</v>
          </cell>
          <cell r="G331">
            <v>12100</v>
          </cell>
          <cell r="H331">
            <v>37438</v>
          </cell>
        </row>
        <row r="332">
          <cell r="A332" t="str">
            <v>P7635</v>
          </cell>
          <cell r="B332" t="str">
            <v>構造物取壊し工　　　　　　　　　　人力施工</v>
          </cell>
          <cell r="D332" t="str">
            <v>無筋</v>
          </cell>
          <cell r="E332">
            <v>1</v>
          </cell>
          <cell r="F332" t="str">
            <v>ｍ3</v>
          </cell>
          <cell r="G332">
            <v>23700</v>
          </cell>
          <cell r="H332" t="str">
            <v>コンクリートブレーカー     H14.7.1</v>
          </cell>
        </row>
        <row r="333">
          <cell r="A333" t="str">
            <v>P7636</v>
          </cell>
          <cell r="B333" t="str">
            <v>構造物取壊し工　　　　　　　　　　人力施工</v>
          </cell>
          <cell r="D333" t="str">
            <v>有筋</v>
          </cell>
          <cell r="E333">
            <v>1</v>
          </cell>
          <cell r="F333" t="str">
            <v>ｍ3</v>
          </cell>
          <cell r="G333">
            <v>38250</v>
          </cell>
          <cell r="H333" t="str">
            <v>コンクリートブレーカー     H14.7.1</v>
          </cell>
        </row>
        <row r="334">
          <cell r="A334" t="str">
            <v>P8005</v>
          </cell>
          <cell r="B334" t="str">
            <v>砂</v>
          </cell>
          <cell r="D334" t="str">
            <v>ｺﾝｸﾘｰﾄ用</v>
          </cell>
          <cell r="E334">
            <v>1</v>
          </cell>
          <cell r="F334" t="str">
            <v>ｍ3</v>
          </cell>
          <cell r="G334">
            <v>3850</v>
          </cell>
          <cell r="H334" t="str">
            <v>本土　　　　　　　　　　         H14.7.1</v>
          </cell>
        </row>
        <row r="335">
          <cell r="A335" t="str">
            <v>P8006</v>
          </cell>
          <cell r="B335" t="str">
            <v>セメント</v>
          </cell>
          <cell r="E335">
            <v>1</v>
          </cell>
          <cell r="F335" t="str">
            <v>t</v>
          </cell>
          <cell r="G335">
            <v>17600</v>
          </cell>
          <cell r="H335" t="str">
            <v>本土　　　　　　　　　　         H14.7.1</v>
          </cell>
        </row>
        <row r="336">
          <cell r="A336" t="str">
            <v>P8010</v>
          </cell>
          <cell r="B336" t="str">
            <v>再生砕石</v>
          </cell>
          <cell r="D336" t="str">
            <v>Co舗装用　5～20</v>
          </cell>
          <cell r="E336">
            <v>1</v>
          </cell>
          <cell r="F336" t="str">
            <v>ｍ3</v>
          </cell>
          <cell r="G336">
            <v>3350</v>
          </cell>
          <cell r="H336">
            <v>37438</v>
          </cell>
        </row>
        <row r="337">
          <cell r="A337" t="str">
            <v>P8012</v>
          </cell>
          <cell r="B337" t="str">
            <v>再生砕石</v>
          </cell>
          <cell r="D337" t="str">
            <v>構造物用5～40</v>
          </cell>
          <cell r="E337">
            <v>1</v>
          </cell>
          <cell r="F337" t="str">
            <v>ｍ3</v>
          </cell>
          <cell r="G337">
            <v>3350</v>
          </cell>
          <cell r="H337">
            <v>37438</v>
          </cell>
        </row>
        <row r="339">
          <cell r="A339" t="str">
            <v>P8038</v>
          </cell>
          <cell r="B339" t="str">
            <v>再生砕石</v>
          </cell>
          <cell r="D339" t="str">
            <v>路盤用　RC40～0</v>
          </cell>
          <cell r="E339">
            <v>1</v>
          </cell>
          <cell r="F339" t="str">
            <v>ｍ3</v>
          </cell>
          <cell r="G339">
            <v>2200</v>
          </cell>
          <cell r="H339">
            <v>37438</v>
          </cell>
        </row>
        <row r="340">
          <cell r="A340" t="str">
            <v>P8102</v>
          </cell>
          <cell r="B340" t="str">
            <v>砂(不洗い)</v>
          </cell>
          <cell r="D340" t="str">
            <v>埋戻用</v>
          </cell>
          <cell r="E340">
            <v>1</v>
          </cell>
          <cell r="F340" t="str">
            <v>ｍ3</v>
          </cell>
          <cell r="G340">
            <v>2100</v>
          </cell>
          <cell r="H340">
            <v>37438</v>
          </cell>
        </row>
        <row r="341">
          <cell r="A341" t="str">
            <v>P8027</v>
          </cell>
          <cell r="B341" t="str">
            <v>路盤材</v>
          </cell>
          <cell r="D341" t="str">
            <v>Ｍ－４０</v>
          </cell>
          <cell r="E341">
            <v>1</v>
          </cell>
          <cell r="F341" t="str">
            <v>ｍ3</v>
          </cell>
          <cell r="G341">
            <v>3400</v>
          </cell>
          <cell r="H341" t="str">
            <v>離島単価</v>
          </cell>
        </row>
        <row r="342">
          <cell r="A342" t="str">
            <v>Q0001</v>
          </cell>
          <cell r="B342" t="str">
            <v>ダンプトラック運転費</v>
          </cell>
          <cell r="D342" t="str">
            <v>8t　土砂</v>
          </cell>
          <cell r="E342">
            <v>1</v>
          </cell>
          <cell r="F342" t="str">
            <v>日</v>
          </cell>
          <cell r="G342">
            <v>35624</v>
          </cell>
          <cell r="H342" t="str">
            <v>時間当り単価×6.1h</v>
          </cell>
        </row>
        <row r="343">
          <cell r="A343" t="str">
            <v>Q0002</v>
          </cell>
          <cell r="B343" t="str">
            <v>ダンプトラック運転費</v>
          </cell>
          <cell r="D343" t="str">
            <v>8t　As</v>
          </cell>
          <cell r="E343">
            <v>1</v>
          </cell>
          <cell r="F343" t="str">
            <v>日</v>
          </cell>
          <cell r="G343">
            <v>35892</v>
          </cell>
          <cell r="H343" t="str">
            <v>時間当り単価×6.1h</v>
          </cell>
        </row>
        <row r="344">
          <cell r="A344" t="str">
            <v>Q0003</v>
          </cell>
          <cell r="B344" t="str">
            <v>ダンプトラック運転費</v>
          </cell>
          <cell r="D344" t="str">
            <v>8t　Co</v>
          </cell>
          <cell r="E344">
            <v>1</v>
          </cell>
          <cell r="F344" t="str">
            <v>日</v>
          </cell>
          <cell r="G344">
            <v>36685</v>
          </cell>
          <cell r="H344" t="str">
            <v>時間当り単価×6.1h</v>
          </cell>
        </row>
        <row r="346">
          <cell r="A346" t="str">
            <v>Q0004</v>
          </cell>
          <cell r="B346" t="str">
            <v>常温合材</v>
          </cell>
          <cell r="D346" t="str">
            <v>小口</v>
          </cell>
          <cell r="E346">
            <v>1</v>
          </cell>
          <cell r="F346" t="str">
            <v>t</v>
          </cell>
          <cell r="G346">
            <v>10800</v>
          </cell>
          <cell r="H346" t="str">
            <v>建設物価版H15-6,P164(小口,バラ)</v>
          </cell>
        </row>
        <row r="409">
          <cell r="A409" t="str">
            <v>Z9999</v>
          </cell>
          <cell r="B409" t="str">
            <v>諸雑費</v>
          </cell>
          <cell r="E409">
            <v>1</v>
          </cell>
          <cell r="F409" t="str">
            <v>式</v>
          </cell>
        </row>
        <row r="410">
          <cell r="A410" t="str">
            <v>Z0100</v>
          </cell>
          <cell r="B410" t="str">
            <v>合計</v>
          </cell>
        </row>
        <row r="411">
          <cell r="A411" t="str">
            <v>Z0101</v>
          </cell>
          <cell r="B411" t="str">
            <v>1ｍ3当り</v>
          </cell>
        </row>
        <row r="412">
          <cell r="A412" t="str">
            <v>Z0102</v>
          </cell>
          <cell r="B412" t="str">
            <v>1ｍ2当り</v>
          </cell>
        </row>
        <row r="413">
          <cell r="A413" t="str">
            <v>Z0103</v>
          </cell>
          <cell r="B413" t="str">
            <v>1ｍ当り</v>
          </cell>
        </row>
        <row r="414">
          <cell r="A414" t="str">
            <v>Z0041</v>
          </cell>
          <cell r="B414" t="str">
            <v>諸雑費</v>
          </cell>
          <cell r="E414">
            <v>1</v>
          </cell>
          <cell r="F414" t="str">
            <v>式</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ﾎｲｽﾄﾚｰﾙ数量【か所毎】"/>
      <sheetName val="No.1"/>
      <sheetName val="No.2"/>
      <sheetName val="Sheet2"/>
      <sheetName val="Sheet3"/>
      <sheetName val="ﾎｲｽﾄﾚｰﾙ数量【か所毎】修正150707"/>
    </sheetNames>
    <definedNames>
      <definedName name="φ50本設配管"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5">
          <cell r="C5">
            <v>1.1000000000000001</v>
          </cell>
        </row>
        <row r="8">
          <cell r="C8">
            <v>2</v>
          </cell>
        </row>
        <row r="9">
          <cell r="C9">
            <v>4</v>
          </cell>
        </row>
        <row r="10">
          <cell r="C10">
            <v>12</v>
          </cell>
        </row>
        <row r="11">
          <cell r="C11">
            <v>48</v>
          </cell>
        </row>
        <row r="14">
          <cell r="C14">
            <v>90.9</v>
          </cell>
        </row>
        <row r="15">
          <cell r="C15" t="str">
            <v>163.8</v>
          </cell>
        </row>
        <row r="16">
          <cell r="C16">
            <v>5</v>
          </cell>
        </row>
        <row r="17">
          <cell r="C17" t="str">
            <v>156.3</v>
          </cell>
        </row>
        <row r="18">
          <cell r="C18" t="str">
            <v>7.4</v>
          </cell>
        </row>
        <row r="21">
          <cell r="C21">
            <v>60</v>
          </cell>
          <cell r="E21">
            <v>16</v>
          </cell>
        </row>
        <row r="22">
          <cell r="C22">
            <v>10</v>
          </cell>
        </row>
        <row r="23">
          <cell r="C23">
            <v>180</v>
          </cell>
          <cell r="E23">
            <v>8</v>
          </cell>
        </row>
        <row r="24">
          <cell r="C24">
            <v>60</v>
          </cell>
        </row>
      </sheetData>
      <sheetData sheetId="1"/>
      <sheetData sheetId="2"/>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弁･ダンパー"/>
      <sheetName val="亜鉛鉄板"/>
      <sheetName val="塩ビダクト"/>
      <sheetName val="換気機器"/>
      <sheetName val="管･円形風道"/>
    </sheetNames>
    <sheetDataSet>
      <sheetData sheetId="0" refreshError="1"/>
      <sheetData sheetId="1">
        <row r="1">
          <cell r="AP1" t="str">
            <v>/CA9.aa44~~/wxCA9.T44~~</v>
          </cell>
        </row>
      </sheetData>
      <sheetData sheetId="2" refreshError="1"/>
      <sheetData sheetId="3" refreshError="1"/>
      <sheetData sheetId="4"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人工集計表"/>
      <sheetName val="歩掛分類表"/>
      <sheetName val="機器等据付工"/>
      <sheetName val="機器等据付重量表"/>
      <sheetName val="計装設備歩掛"/>
    </sheetNames>
    <sheetDataSet>
      <sheetData sheetId="0" refreshError="1"/>
      <sheetData sheetId="1" refreshError="1"/>
      <sheetData sheetId="2" refreshError="1"/>
      <sheetData sheetId="3">
        <row r="8">
          <cell r="B8" t="str">
            <v>送風機6号</v>
          </cell>
        </row>
        <row r="10">
          <cell r="B10" t="str">
            <v>6号用電動機</v>
          </cell>
        </row>
        <row r="12">
          <cell r="B12" t="str">
            <v>計</v>
          </cell>
        </row>
        <row r="14">
          <cell r="B14" t="str">
            <v>吐出弁6号</v>
          </cell>
        </row>
        <row r="16">
          <cell r="B16" t="str">
            <v>逆止弁6号</v>
          </cell>
        </row>
        <row r="18">
          <cell r="B18" t="str">
            <v>6号用電動機起動用抵抗器</v>
          </cell>
        </row>
        <row r="20">
          <cell r="B20" t="str">
            <v>4号送風機用切替弁</v>
          </cell>
        </row>
        <row r="22">
          <cell r="B22" t="str">
            <v>送風機用増設弁</v>
          </cell>
        </row>
        <row r="24">
          <cell r="B24" t="str">
            <v>湿式空気ろ過器</v>
          </cell>
        </row>
        <row r="26">
          <cell r="B26" t="str">
            <v>乾式空気ろ過器</v>
          </cell>
        </row>
        <row r="28">
          <cell r="B28" t="str">
            <v>オリフィス流量計(500A)</v>
          </cell>
        </row>
        <row r="30">
          <cell r="B30" t="str">
            <v>鋼製加工品</v>
          </cell>
        </row>
      </sheetData>
      <sheetData sheetId="4">
        <row r="7">
          <cell r="C7">
            <v>1</v>
          </cell>
        </row>
      </sheetData>
      <sheetData sheetId="5" refreshError="1"/>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s>
    <sheetDataSet>
      <sheetData sheetId="0"/>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出来高)"/>
      <sheetName val="表紙 (設計変更)"/>
      <sheetName val="表紙"/>
      <sheetName val="大内訳"/>
      <sheetName val="中内訳"/>
      <sheetName val="小内訳1"/>
      <sheetName val="内訳1-1"/>
      <sheetName val="内訳1-2"/>
      <sheetName val="内訳1-3"/>
      <sheetName val="内訳1-4"/>
      <sheetName val="内訳1-5"/>
      <sheetName val="内訳1-6"/>
      <sheetName val="内訳1-7"/>
      <sheetName val="内訳1-8"/>
      <sheetName val="内訳1-9"/>
      <sheetName val="内訳1-10"/>
      <sheetName val="内訳1-11"/>
      <sheetName val="内訳1-12"/>
      <sheetName val="内訳1-13"/>
      <sheetName val="小内訳2"/>
      <sheetName val="内訳2-1"/>
      <sheetName val="内訳2-2"/>
      <sheetName val="内訳2-3"/>
      <sheetName val="小内訳3"/>
      <sheetName val="内訳3-1"/>
      <sheetName val="内訳3-2"/>
      <sheetName val="小内訳4"/>
      <sheetName val="内訳4-1"/>
      <sheetName val="内訳4-2"/>
      <sheetName val="内訳4-3"/>
      <sheetName val="代価"/>
      <sheetName val="→積算資料"/>
      <sheetName val="物価資料(建築)"/>
      <sheetName val="市場単価（建築）"/>
      <sheetName val="見積-査定表(建築)"/>
      <sheetName val="市場単価（建築設備）"/>
      <sheetName val="物価資料 (建築設備)"/>
      <sheetName val="見積-査定表(建築機械)"/>
      <sheetName val="見積-査定表(土木)"/>
      <sheetName val="刊行物-査定表(土木)"/>
      <sheetName val="単価一覧表"/>
      <sheetName val="内訳（積上分)"/>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2">
          <cell r="A2" t="str">
            <v>単価一覧表</v>
          </cell>
        </row>
        <row r="4">
          <cell r="A4" t="str">
            <v>番号</v>
          </cell>
          <cell r="C4" t="str">
            <v>名　　称</v>
          </cell>
          <cell r="D4" t="str">
            <v xml:space="preserve">形　状　寸　法 </v>
          </cell>
          <cell r="E4" t="str">
            <v>単位</v>
          </cell>
          <cell r="F4" t="str">
            <v>単価</v>
          </cell>
          <cell r="H4" t="str">
            <v>備　　　　考</v>
          </cell>
        </row>
        <row r="6">
          <cell r="A6">
            <v>1000.5</v>
          </cell>
          <cell r="H6" t="str">
            <v>県労務単価</v>
          </cell>
        </row>
        <row r="7">
          <cell r="A7">
            <v>1001</v>
          </cell>
          <cell r="C7" t="str">
            <v>特殊作業員</v>
          </cell>
          <cell r="E7" t="str">
            <v>人</v>
          </cell>
          <cell r="F7">
            <v>17700</v>
          </cell>
        </row>
        <row r="8">
          <cell r="A8">
            <v>1001.5</v>
          </cell>
          <cell r="H8" t="str">
            <v>県労務単価</v>
          </cell>
        </row>
        <row r="9">
          <cell r="A9">
            <v>1002</v>
          </cell>
          <cell r="C9" t="str">
            <v>普通作業員</v>
          </cell>
          <cell r="E9" t="str">
            <v>人</v>
          </cell>
          <cell r="F9">
            <v>14400</v>
          </cell>
        </row>
        <row r="10">
          <cell r="A10">
            <v>1002.5</v>
          </cell>
          <cell r="H10" t="str">
            <v>県労務単価</v>
          </cell>
        </row>
        <row r="11">
          <cell r="A11">
            <v>1003</v>
          </cell>
          <cell r="C11" t="str">
            <v>運転手(特殊)</v>
          </cell>
          <cell r="E11" t="str">
            <v>人</v>
          </cell>
          <cell r="F11">
            <v>18000</v>
          </cell>
        </row>
        <row r="12">
          <cell r="A12">
            <v>1003.5</v>
          </cell>
          <cell r="H12" t="str">
            <v>県労務単価</v>
          </cell>
        </row>
        <row r="13">
          <cell r="A13">
            <v>1004</v>
          </cell>
          <cell r="C13" t="str">
            <v>運転手(一般)</v>
          </cell>
          <cell r="E13" t="str">
            <v>人</v>
          </cell>
          <cell r="F13">
            <v>15300</v>
          </cell>
        </row>
        <row r="14">
          <cell r="A14">
            <v>1004.5</v>
          </cell>
          <cell r="H14" t="str">
            <v>県労務単価</v>
          </cell>
        </row>
        <row r="15">
          <cell r="A15">
            <v>1005</v>
          </cell>
          <cell r="C15" t="str">
            <v>土木一般世話役</v>
          </cell>
          <cell r="E15" t="str">
            <v>人</v>
          </cell>
          <cell r="F15">
            <v>19500</v>
          </cell>
        </row>
        <row r="16">
          <cell r="A16">
            <v>1005.5</v>
          </cell>
          <cell r="H16" t="str">
            <v>県労務単価</v>
          </cell>
        </row>
        <row r="17">
          <cell r="A17">
            <v>1006</v>
          </cell>
          <cell r="C17" t="str">
            <v>型枠工</v>
          </cell>
          <cell r="E17" t="str">
            <v>人</v>
          </cell>
          <cell r="F17">
            <v>17700</v>
          </cell>
        </row>
        <row r="18">
          <cell r="A18">
            <v>1006.5</v>
          </cell>
          <cell r="H18" t="str">
            <v>県労務単価</v>
          </cell>
        </row>
        <row r="19">
          <cell r="A19">
            <v>1007</v>
          </cell>
          <cell r="C19" t="str">
            <v>ブロック工</v>
          </cell>
          <cell r="E19" t="str">
            <v>人</v>
          </cell>
          <cell r="F19">
            <v>18900</v>
          </cell>
        </row>
        <row r="20">
          <cell r="A20">
            <v>1007.5</v>
          </cell>
        </row>
        <row r="21">
          <cell r="A21">
            <v>1008</v>
          </cell>
        </row>
        <row r="22">
          <cell r="A22">
            <v>2000.5</v>
          </cell>
          <cell r="H22" t="str">
            <v>物価資料</v>
          </cell>
        </row>
        <row r="23">
          <cell r="A23">
            <v>2001</v>
          </cell>
          <cell r="C23" t="str">
            <v>軽油</v>
          </cell>
          <cell r="D23" t="str">
            <v>パトロール</v>
          </cell>
          <cell r="E23" t="str">
            <v>㍑</v>
          </cell>
          <cell r="F23">
            <v>110</v>
          </cell>
        </row>
        <row r="24">
          <cell r="A24">
            <v>2001.5</v>
          </cell>
          <cell r="H24" t="str">
            <v>物価資料</v>
          </cell>
        </row>
        <row r="25">
          <cell r="A25">
            <v>2002</v>
          </cell>
          <cell r="C25" t="str">
            <v>ガソリン</v>
          </cell>
          <cell r="D25" t="str">
            <v>スタンド</v>
          </cell>
          <cell r="E25" t="str">
            <v>㍑</v>
          </cell>
          <cell r="F25">
            <v>134</v>
          </cell>
        </row>
        <row r="26">
          <cell r="A26">
            <v>2002.5</v>
          </cell>
        </row>
        <row r="27">
          <cell r="A27">
            <v>2003</v>
          </cell>
          <cell r="C27" t="str">
            <v>諸雑費</v>
          </cell>
          <cell r="E27" t="str">
            <v>式</v>
          </cell>
        </row>
        <row r="28">
          <cell r="A28">
            <v>2003.5</v>
          </cell>
          <cell r="D28" t="str">
            <v>18-8-25BB</v>
          </cell>
          <cell r="H28" t="str">
            <v>物価資料</v>
          </cell>
        </row>
        <row r="29">
          <cell r="A29">
            <v>2004</v>
          </cell>
          <cell r="C29" t="str">
            <v>生コンクリート</v>
          </cell>
          <cell r="D29" t="str">
            <v>W/C指定無し</v>
          </cell>
          <cell r="E29" t="str">
            <v>ｍ3</v>
          </cell>
          <cell r="F29">
            <v>9200</v>
          </cell>
        </row>
        <row r="30">
          <cell r="A30">
            <v>2004.5</v>
          </cell>
          <cell r="H30" t="str">
            <v>物価資料</v>
          </cell>
        </row>
        <row r="31">
          <cell r="A31">
            <v>2005</v>
          </cell>
          <cell r="C31" t="str">
            <v>溶接金網</v>
          </cell>
          <cell r="D31" t="str">
            <v>φ6×150×150</v>
          </cell>
          <cell r="E31" t="str">
            <v>ｍ2</v>
          </cell>
          <cell r="F31">
            <v>260</v>
          </cell>
        </row>
        <row r="32">
          <cell r="A32">
            <v>2005.5</v>
          </cell>
          <cell r="H32" t="str">
            <v>物価資料</v>
          </cell>
        </row>
        <row r="33">
          <cell r="A33">
            <v>2006</v>
          </cell>
          <cell r="C33" t="str">
            <v>再生クラッシャーラン</v>
          </cell>
          <cell r="D33" t="str">
            <v>RC-40</v>
          </cell>
          <cell r="E33" t="str">
            <v>ｍ3</v>
          </cell>
          <cell r="F33">
            <v>1400</v>
          </cell>
        </row>
        <row r="34">
          <cell r="A34">
            <v>2006.5</v>
          </cell>
          <cell r="D34" t="str">
            <v>49kg/本</v>
          </cell>
          <cell r="H34" t="str">
            <v>県単価</v>
          </cell>
        </row>
        <row r="35">
          <cell r="A35">
            <v>2007</v>
          </cell>
          <cell r="C35" t="str">
            <v>両面歩車道境界ﾌﾞﾛｯｸ</v>
          </cell>
          <cell r="D35" t="str">
            <v>150-190×200×600</v>
          </cell>
          <cell r="E35" t="str">
            <v>個</v>
          </cell>
          <cell r="F35">
            <v>1020</v>
          </cell>
        </row>
        <row r="36">
          <cell r="A36">
            <v>2007.5</v>
          </cell>
          <cell r="H36" t="str">
            <v>物価資料</v>
          </cell>
        </row>
        <row r="37">
          <cell r="A37">
            <v>2008</v>
          </cell>
          <cell r="C37" t="str">
            <v>普通ポルトランドセメント</v>
          </cell>
          <cell r="D37" t="str">
            <v>ﾊﾞﾗ</v>
          </cell>
          <cell r="E37" t="str">
            <v>ｔ</v>
          </cell>
          <cell r="F37">
            <v>9800</v>
          </cell>
        </row>
        <row r="38">
          <cell r="A38">
            <v>2008.5</v>
          </cell>
          <cell r="H38" t="str">
            <v>物価資料</v>
          </cell>
        </row>
        <row r="39">
          <cell r="A39">
            <v>2009</v>
          </cell>
          <cell r="C39" t="str">
            <v>コンクリート用骨材砂</v>
          </cell>
          <cell r="D39" t="str">
            <v>洗い　荒目</v>
          </cell>
          <cell r="E39" t="str">
            <v>ｍ3</v>
          </cell>
          <cell r="F39">
            <v>3400</v>
          </cell>
        </row>
        <row r="40">
          <cell r="A40">
            <v>2009.5</v>
          </cell>
          <cell r="H40" t="str">
            <v>県単価</v>
          </cell>
        </row>
        <row r="41">
          <cell r="A41">
            <v>2010</v>
          </cell>
          <cell r="C41" t="str">
            <v>再生粒度調整砕石</v>
          </cell>
          <cell r="D41" t="str">
            <v>RM-30</v>
          </cell>
          <cell r="E41" t="str">
            <v>ｍ3</v>
          </cell>
          <cell r="F41">
            <v>1900</v>
          </cell>
        </row>
        <row r="42">
          <cell r="A42">
            <v>2010.5</v>
          </cell>
          <cell r="H42" t="str">
            <v>物価資料</v>
          </cell>
        </row>
        <row r="43">
          <cell r="A43">
            <v>2011</v>
          </cell>
          <cell r="C43" t="str">
            <v>ｱｽﾌｧﾙﾄ混合物</v>
          </cell>
          <cell r="D43" t="str">
            <v>粗粒度As20</v>
          </cell>
          <cell r="E43" t="str">
            <v>t</v>
          </cell>
          <cell r="F43">
            <v>11500</v>
          </cell>
        </row>
        <row r="44">
          <cell r="A44">
            <v>2011.5</v>
          </cell>
          <cell r="H44" t="str">
            <v>物価資料</v>
          </cell>
        </row>
        <row r="45">
          <cell r="A45">
            <v>2012</v>
          </cell>
          <cell r="C45" t="str">
            <v>ｱｽﾌｧﾙﾄ混合物</v>
          </cell>
          <cell r="D45" t="str">
            <v>密粒度Aｓ20</v>
          </cell>
          <cell r="E45" t="str">
            <v>t</v>
          </cell>
          <cell r="F45">
            <v>11700</v>
          </cell>
        </row>
        <row r="46">
          <cell r="A46">
            <v>2012.5</v>
          </cell>
          <cell r="H46" t="str">
            <v>物価資料</v>
          </cell>
        </row>
        <row r="47">
          <cell r="A47">
            <v>2013</v>
          </cell>
          <cell r="C47" t="str">
            <v>瀝青材</v>
          </cell>
          <cell r="D47" t="str">
            <v>ﾌﾟﾗｲﾑｺｰﾄPK-3</v>
          </cell>
          <cell r="E47" t="str">
            <v>㍑</v>
          </cell>
          <cell r="F47">
            <v>83</v>
          </cell>
        </row>
        <row r="48">
          <cell r="A48">
            <v>2013.5</v>
          </cell>
          <cell r="H48" t="str">
            <v>物価資料</v>
          </cell>
        </row>
        <row r="49">
          <cell r="A49">
            <v>2014</v>
          </cell>
          <cell r="C49" t="str">
            <v>瀝青材</v>
          </cell>
          <cell r="D49" t="str">
            <v>ﾀｯｸｺｰﾄPK-4</v>
          </cell>
          <cell r="E49" t="str">
            <v>㍑</v>
          </cell>
          <cell r="F49">
            <v>83</v>
          </cell>
        </row>
        <row r="50">
          <cell r="A50">
            <v>2014.5</v>
          </cell>
        </row>
        <row r="51">
          <cell r="A51">
            <v>2015</v>
          </cell>
        </row>
        <row r="52">
          <cell r="A52">
            <v>3000.5</v>
          </cell>
          <cell r="D52" t="str">
            <v>H=1500</v>
          </cell>
          <cell r="H52" t="str">
            <v>見積</v>
          </cell>
        </row>
        <row r="53">
          <cell r="A53">
            <v>3001</v>
          </cell>
          <cell r="C53" t="str">
            <v>アルミフェンス</v>
          </cell>
          <cell r="D53" t="str">
            <v>　基礎含</v>
          </cell>
          <cell r="E53" t="str">
            <v>ｍ</v>
          </cell>
          <cell r="F53">
            <v>28380</v>
          </cell>
        </row>
        <row r="54">
          <cell r="A54">
            <v>3001.5</v>
          </cell>
          <cell r="D54" t="str">
            <v>H=1500</v>
          </cell>
          <cell r="H54" t="str">
            <v>見積</v>
          </cell>
        </row>
        <row r="55">
          <cell r="A55">
            <v>3002</v>
          </cell>
          <cell r="C55" t="str">
            <v>アルミフェンス設置手間</v>
          </cell>
          <cell r="D55" t="str">
            <v>基礎含</v>
          </cell>
          <cell r="E55" t="str">
            <v>ｍ</v>
          </cell>
          <cell r="F55">
            <v>10000</v>
          </cell>
        </row>
        <row r="56">
          <cell r="A56">
            <v>3002.5</v>
          </cell>
          <cell r="D56" t="str">
            <v>H=1500　W=1000</v>
          </cell>
          <cell r="H56" t="str">
            <v>見積</v>
          </cell>
        </row>
        <row r="57">
          <cell r="A57">
            <v>3003</v>
          </cell>
          <cell r="C57" t="str">
            <v>片開門扉</v>
          </cell>
          <cell r="D57" t="str">
            <v>基礎含</v>
          </cell>
          <cell r="E57" t="str">
            <v>基</v>
          </cell>
          <cell r="F57">
            <v>327300</v>
          </cell>
        </row>
        <row r="58">
          <cell r="A58">
            <v>3003.5</v>
          </cell>
          <cell r="D58" t="str">
            <v>H=1500　W=1000</v>
          </cell>
          <cell r="H58" t="str">
            <v>見積</v>
          </cell>
        </row>
        <row r="59">
          <cell r="A59">
            <v>3004</v>
          </cell>
          <cell r="C59" t="str">
            <v>片開門扉設置手間</v>
          </cell>
          <cell r="D59" t="str">
            <v>基礎含</v>
          </cell>
          <cell r="E59" t="str">
            <v>基</v>
          </cell>
          <cell r="F59">
            <v>60000</v>
          </cell>
        </row>
        <row r="60">
          <cell r="A60">
            <v>3004.5</v>
          </cell>
          <cell r="H60" t="str">
            <v>見積</v>
          </cell>
        </row>
        <row r="61">
          <cell r="A61">
            <v>3005</v>
          </cell>
          <cell r="C61" t="str">
            <v>既設フェンス撤去工</v>
          </cell>
          <cell r="E61" t="str">
            <v>ｍ</v>
          </cell>
          <cell r="F61">
            <v>5000</v>
          </cell>
        </row>
        <row r="62">
          <cell r="A62">
            <v>3005.5</v>
          </cell>
          <cell r="H62" t="str">
            <v>土木単価</v>
          </cell>
        </row>
        <row r="63">
          <cell r="A63">
            <v>3006</v>
          </cell>
          <cell r="C63" t="str">
            <v>植栽撤去工</v>
          </cell>
          <cell r="D63" t="str">
            <v>低木　樹木高60cm未満</v>
          </cell>
          <cell r="E63" t="str">
            <v>本</v>
          </cell>
          <cell r="F63">
            <v>270</v>
          </cell>
        </row>
        <row r="64">
          <cell r="A64">
            <v>3006.5</v>
          </cell>
          <cell r="D64" t="str">
            <v>塩化ビニル製</v>
          </cell>
          <cell r="H64" t="str">
            <v>土木単価</v>
          </cell>
        </row>
        <row r="65">
          <cell r="A65">
            <v>3007</v>
          </cell>
          <cell r="C65" t="str">
            <v>排水桝設置工</v>
          </cell>
          <cell r="D65" t="str">
            <v>桝径φ200</v>
          </cell>
          <cell r="E65" t="str">
            <v>箇所</v>
          </cell>
          <cell r="F65">
            <v>13200</v>
          </cell>
        </row>
        <row r="66">
          <cell r="A66">
            <v>3007.5</v>
          </cell>
          <cell r="D66" t="str">
            <v>塩化ビニル管</v>
          </cell>
          <cell r="H66" t="str">
            <v>土木単価</v>
          </cell>
        </row>
        <row r="67">
          <cell r="A67">
            <v>3008</v>
          </cell>
          <cell r="C67" t="str">
            <v>取付管布設工(小規模)</v>
          </cell>
          <cell r="D67" t="str">
            <v>φ100　L=7.5ｍ</v>
          </cell>
          <cell r="E67" t="str">
            <v>箇所</v>
          </cell>
          <cell r="F67">
            <v>12776</v>
          </cell>
        </row>
        <row r="68">
          <cell r="A68">
            <v>3008.5</v>
          </cell>
          <cell r="H68" t="str">
            <v>見積</v>
          </cell>
        </row>
        <row r="69">
          <cell r="A69">
            <v>3009</v>
          </cell>
          <cell r="C69" t="str">
            <v>既設ゲート移設工</v>
          </cell>
          <cell r="E69" t="str">
            <v>式</v>
          </cell>
          <cell r="F69">
            <v>50000</v>
          </cell>
        </row>
        <row r="70">
          <cell r="A70">
            <v>4000.5</v>
          </cell>
          <cell r="D70" t="str">
            <v>排出ｶﾞｽ対策型(第2次)</v>
          </cell>
          <cell r="H70" t="str">
            <v>機損P2-12</v>
          </cell>
        </row>
        <row r="71">
          <cell r="A71">
            <v>4001</v>
          </cell>
          <cell r="C71" t="str">
            <v>ﾊﾞｯｸﾎｳ損料</v>
          </cell>
          <cell r="D71" t="str">
            <v>0.60m3BF</v>
          </cell>
          <cell r="E71" t="str">
            <v>供用日</v>
          </cell>
          <cell r="F71">
            <v>17800</v>
          </cell>
        </row>
        <row r="72">
          <cell r="A72">
            <v>4001.5</v>
          </cell>
          <cell r="D72" t="str">
            <v>排出ｶﾞｽ対策型(第2次)</v>
          </cell>
          <cell r="H72" t="str">
            <v>機損P2-12</v>
          </cell>
        </row>
        <row r="73">
          <cell r="A73">
            <v>4002</v>
          </cell>
          <cell r="C73" t="str">
            <v>ﾊﾞｯｸﾎｳ損料</v>
          </cell>
          <cell r="D73" t="str">
            <v>0.60m3BF</v>
          </cell>
          <cell r="E73" t="str">
            <v>h</v>
          </cell>
          <cell r="F73">
            <v>4650</v>
          </cell>
        </row>
        <row r="74">
          <cell r="A74">
            <v>4002.5</v>
          </cell>
          <cell r="D74" t="str">
            <v>ﾊﾝﾄﾞｶﾞｲﾄﾞ式</v>
          </cell>
          <cell r="H74" t="str">
            <v>物価資料</v>
          </cell>
        </row>
        <row r="75">
          <cell r="A75">
            <v>4003</v>
          </cell>
          <cell r="C75" t="str">
            <v>振動ﾛｰﾗ賃料</v>
          </cell>
          <cell r="D75" t="str">
            <v>0.8～1.1t</v>
          </cell>
          <cell r="E75" t="str">
            <v>日</v>
          </cell>
          <cell r="F75">
            <v>2300</v>
          </cell>
        </row>
        <row r="76">
          <cell r="A76">
            <v>4003.5</v>
          </cell>
          <cell r="H76" t="str">
            <v>物価資料</v>
          </cell>
        </row>
        <row r="77">
          <cell r="A77">
            <v>4004</v>
          </cell>
          <cell r="C77" t="str">
            <v>ﾀﾝﾊﾟ賃料</v>
          </cell>
          <cell r="D77" t="str">
            <v>60～80kg</v>
          </cell>
          <cell r="E77" t="str">
            <v>日</v>
          </cell>
          <cell r="F77">
            <v>720</v>
          </cell>
        </row>
        <row r="78">
          <cell r="A78">
            <v>4004.5</v>
          </cell>
          <cell r="H78" t="str">
            <v>機損P3-2</v>
          </cell>
        </row>
        <row r="79">
          <cell r="A79">
            <v>4005</v>
          </cell>
          <cell r="C79" t="str">
            <v>ﾀﾞﾝﾌﾟﾄﾗｯｸ損料</v>
          </cell>
          <cell r="D79" t="str">
            <v>10tDT</v>
          </cell>
          <cell r="E79" t="str">
            <v>供用日</v>
          </cell>
          <cell r="F79">
            <v>16400</v>
          </cell>
        </row>
        <row r="80">
          <cell r="A80">
            <v>4005.5</v>
          </cell>
          <cell r="D80" t="str">
            <v>ﾀﾞﾝﾌﾟﾄﾗｯｸ10t</v>
          </cell>
          <cell r="H80" t="str">
            <v>機損(53)</v>
          </cell>
        </row>
        <row r="81">
          <cell r="A81">
            <v>4006</v>
          </cell>
          <cell r="C81" t="str">
            <v>ﾀｲﾔ損耗費</v>
          </cell>
          <cell r="D81" t="str">
            <v>良好</v>
          </cell>
          <cell r="E81" t="str">
            <v>供用日</v>
          </cell>
          <cell r="F81">
            <v>736</v>
          </cell>
        </row>
        <row r="82">
          <cell r="A82">
            <v>4006.5</v>
          </cell>
          <cell r="D82" t="str">
            <v>排出ｶﾞｽ対策型(第1次)</v>
          </cell>
          <cell r="H82" t="str">
            <v>機損P2-12</v>
          </cell>
        </row>
        <row r="83">
          <cell r="A83">
            <v>4007</v>
          </cell>
          <cell r="C83" t="str">
            <v>ﾊﾞｯｸﾎｳ損料</v>
          </cell>
          <cell r="D83" t="str">
            <v>0.60m3BF</v>
          </cell>
          <cell r="E83" t="str">
            <v>供用日</v>
          </cell>
          <cell r="F83">
            <v>16800</v>
          </cell>
        </row>
        <row r="84">
          <cell r="A84">
            <v>4007.5</v>
          </cell>
          <cell r="D84" t="str">
            <v>排出ｶﾞｽ対策型(第1次) ｸﾛｰﾗ型・超小旋回型</v>
          </cell>
          <cell r="H84" t="str">
            <v>物価資料</v>
          </cell>
        </row>
        <row r="85">
          <cell r="A85">
            <v>4008</v>
          </cell>
          <cell r="C85" t="str">
            <v>小型ﾊﾞｯｸﾎｳ賃料</v>
          </cell>
          <cell r="D85" t="str">
            <v>山積0.22m3(平積0.16m3)BF</v>
          </cell>
          <cell r="E85" t="str">
            <v>日</v>
          </cell>
          <cell r="F85">
            <v>7500</v>
          </cell>
        </row>
        <row r="86">
          <cell r="A86">
            <v>4008.5</v>
          </cell>
          <cell r="D86" t="str">
            <v>排出ｶﾞｽ対策型(第1次)</v>
          </cell>
          <cell r="H86" t="str">
            <v>機損P7-2</v>
          </cell>
        </row>
        <row r="87">
          <cell r="A87">
            <v>4009</v>
          </cell>
          <cell r="C87" t="str">
            <v>ﾓｰﾀｰｸﾞﾚｰﾀﾞ損料</v>
          </cell>
          <cell r="D87" t="str">
            <v>3.1m</v>
          </cell>
          <cell r="E87" t="str">
            <v>供用日</v>
          </cell>
          <cell r="F87">
            <v>15300</v>
          </cell>
        </row>
        <row r="88">
          <cell r="A88">
            <v>4009.5</v>
          </cell>
          <cell r="D88" t="str">
            <v>排出ｶﾞｽ対策型(第1次)</v>
          </cell>
          <cell r="H88" t="str">
            <v>機損P8-2</v>
          </cell>
        </row>
        <row r="89">
          <cell r="A89">
            <v>4010</v>
          </cell>
          <cell r="C89" t="str">
            <v>ﾛｰﾄﾞﾛｰﾗ損料</v>
          </cell>
          <cell r="D89" t="str">
            <v>ﾏｶﾀﾞﾑ 10～12t</v>
          </cell>
          <cell r="E89" t="str">
            <v>供用日</v>
          </cell>
          <cell r="F89">
            <v>11700</v>
          </cell>
        </row>
        <row r="90">
          <cell r="A90">
            <v>4010.5</v>
          </cell>
          <cell r="D90" t="str">
            <v>排出ｶﾞｽ対策型(第1次)</v>
          </cell>
          <cell r="H90" t="str">
            <v>機損P8-2</v>
          </cell>
        </row>
        <row r="91">
          <cell r="A91">
            <v>4011</v>
          </cell>
          <cell r="C91" t="str">
            <v>ﾀｲﾔﾛｰﾗ損料</v>
          </cell>
          <cell r="D91" t="str">
            <v>8～20t</v>
          </cell>
          <cell r="E91" t="str">
            <v>供用日</v>
          </cell>
          <cell r="F91">
            <v>10800</v>
          </cell>
        </row>
        <row r="92">
          <cell r="A92">
            <v>4011.5</v>
          </cell>
          <cell r="D92" t="str">
            <v xml:space="preserve">排出ｶﾞｽ対策型(第1次) </v>
          </cell>
          <cell r="H92" t="str">
            <v>物価資料</v>
          </cell>
        </row>
        <row r="93">
          <cell r="A93">
            <v>4012</v>
          </cell>
          <cell r="C93" t="str">
            <v>振動ﾛｰﾗ賃料</v>
          </cell>
          <cell r="D93" t="str">
            <v>搭乗式ｺﾝﾊﾞｲﾝﾄ型 3～4t</v>
          </cell>
          <cell r="E93" t="str">
            <v>日</v>
          </cell>
          <cell r="F93">
            <v>5400</v>
          </cell>
        </row>
        <row r="94">
          <cell r="A94">
            <v>4012.5</v>
          </cell>
          <cell r="D94" t="str">
            <v>排出ｶﾞｽ対策型(第2次) ｸﾛｰﾗ型</v>
          </cell>
          <cell r="H94" t="str">
            <v>物価資料</v>
          </cell>
        </row>
        <row r="95">
          <cell r="A95">
            <v>4013</v>
          </cell>
          <cell r="C95" t="str">
            <v>小型ﾊﾞｯｸﾎｳ賃料</v>
          </cell>
          <cell r="D95" t="str">
            <v>山積0.11m3(平積0.08m3)BF</v>
          </cell>
          <cell r="E95" t="str">
            <v>日</v>
          </cell>
          <cell r="F95">
            <v>5000</v>
          </cell>
        </row>
        <row r="96">
          <cell r="A96">
            <v>4013.5</v>
          </cell>
          <cell r="H96" t="str">
            <v>機損P10-2</v>
          </cell>
        </row>
        <row r="97">
          <cell r="A97">
            <v>4014</v>
          </cell>
          <cell r="C97" t="str">
            <v>ｱｽﾌｧﾙﾄﾌｨﾆｯｼｬ損料</v>
          </cell>
          <cell r="D97" t="str">
            <v>ｸﾛｰﾗ型 1.4～3.0m</v>
          </cell>
          <cell r="E97" t="str">
            <v>供用日</v>
          </cell>
          <cell r="F97">
            <v>14700</v>
          </cell>
        </row>
        <row r="98">
          <cell r="A98">
            <v>4014.5</v>
          </cell>
        </row>
        <row r="99">
          <cell r="A99">
            <v>4015</v>
          </cell>
        </row>
        <row r="100">
          <cell r="A100">
            <v>5000.5</v>
          </cell>
          <cell r="D100" t="str">
            <v xml:space="preserve">排出ｶﾞｽ対策型(第2次) </v>
          </cell>
          <cell r="H100" t="str">
            <v>第1号 単一表</v>
          </cell>
        </row>
        <row r="101">
          <cell r="A101">
            <v>5001</v>
          </cell>
          <cell r="C101" t="str">
            <v>機械掘削積込工(地山)</v>
          </cell>
          <cell r="D101" t="str">
            <v>山積0.8m3(平積0.6m3)BF</v>
          </cell>
          <cell r="E101" t="str">
            <v>ｍ3</v>
          </cell>
          <cell r="F101">
            <v>184</v>
          </cell>
        </row>
        <row r="102">
          <cell r="A102">
            <v>5001.5</v>
          </cell>
          <cell r="D102" t="str">
            <v xml:space="preserve">排出ｶﾞｽ対策型(第2次) </v>
          </cell>
          <cell r="H102" t="str">
            <v>第2号 単一表</v>
          </cell>
        </row>
        <row r="103">
          <cell r="A103">
            <v>5002</v>
          </cell>
          <cell r="C103" t="str">
            <v>ﾊﾞｯｸﾎｳ運転</v>
          </cell>
          <cell r="D103" t="str">
            <v>山積0.8m3(平積0.6m3)BF</v>
          </cell>
          <cell r="E103" t="str">
            <v>日</v>
          </cell>
          <cell r="F103">
            <v>55800</v>
          </cell>
        </row>
        <row r="104">
          <cell r="A104">
            <v>5002.5</v>
          </cell>
          <cell r="D104" t="str">
            <v xml:space="preserve">排出ｶﾞｽ対策型(第2次) </v>
          </cell>
          <cell r="H104" t="str">
            <v>第3号 単一表</v>
          </cell>
        </row>
        <row r="105">
          <cell r="A105">
            <v>5003</v>
          </cell>
          <cell r="C105" t="str">
            <v>機械投入良質土埋戻工C</v>
          </cell>
          <cell r="D105" t="str">
            <v>山積0.8m3(平積0.6m3)BF</v>
          </cell>
          <cell r="E105" t="str">
            <v>ｍ3</v>
          </cell>
          <cell r="F105">
            <v>1347</v>
          </cell>
        </row>
        <row r="106">
          <cell r="A106">
            <v>5003.5</v>
          </cell>
          <cell r="D106" t="str">
            <v xml:space="preserve">排出ｶﾞｽ対策型(第2次) </v>
          </cell>
          <cell r="H106" t="str">
            <v>第4号 単一表</v>
          </cell>
        </row>
        <row r="107">
          <cell r="A107">
            <v>5004</v>
          </cell>
          <cell r="C107" t="str">
            <v>ﾊﾞｯｸﾎｳ運転</v>
          </cell>
          <cell r="D107" t="str">
            <v>山積0.8m3(平積0.6m3)BF</v>
          </cell>
          <cell r="E107" t="str">
            <v>h</v>
          </cell>
          <cell r="F107">
            <v>9510</v>
          </cell>
        </row>
        <row r="108">
          <cell r="A108">
            <v>5004.5</v>
          </cell>
          <cell r="D108" t="str">
            <v>ﾊﾝﾄﾞｶﾞｲﾄﾞ式</v>
          </cell>
          <cell r="H108" t="str">
            <v>第5号 単一表</v>
          </cell>
        </row>
        <row r="109">
          <cell r="A109">
            <v>5005</v>
          </cell>
          <cell r="C109" t="str">
            <v>振動ﾛｰﾗｰ運転</v>
          </cell>
          <cell r="D109" t="str">
            <v>0.8～1.1t</v>
          </cell>
          <cell r="E109" t="str">
            <v>日</v>
          </cell>
          <cell r="F109">
            <v>21500</v>
          </cell>
        </row>
        <row r="110">
          <cell r="A110">
            <v>5005.5</v>
          </cell>
          <cell r="H110" t="str">
            <v>第6号 単一表</v>
          </cell>
        </row>
        <row r="111">
          <cell r="A111">
            <v>5006</v>
          </cell>
          <cell r="C111" t="str">
            <v>ﾀﾝﾊﾟ締固め</v>
          </cell>
          <cell r="D111" t="str">
            <v>60～80kg</v>
          </cell>
          <cell r="E111" t="str">
            <v>ｍ3</v>
          </cell>
          <cell r="F111">
            <v>1008</v>
          </cell>
        </row>
        <row r="112">
          <cell r="A112">
            <v>5006.5</v>
          </cell>
          <cell r="H112" t="str">
            <v>第7号 単一表</v>
          </cell>
        </row>
        <row r="113">
          <cell r="A113">
            <v>5007</v>
          </cell>
          <cell r="C113" t="str">
            <v>ﾀﾝﾊﾟ運転</v>
          </cell>
          <cell r="D113" t="str">
            <v>60～80kg</v>
          </cell>
          <cell r="E113" t="str">
            <v>日</v>
          </cell>
          <cell r="F113">
            <v>19200</v>
          </cell>
        </row>
        <row r="114">
          <cell r="A114">
            <v>5007.5</v>
          </cell>
          <cell r="D114" t="str">
            <v>土砂 運搬距離9km DID区間有り</v>
          </cell>
          <cell r="H114" t="str">
            <v>第8号 単一表</v>
          </cell>
        </row>
        <row r="115">
          <cell r="A115">
            <v>5008</v>
          </cell>
          <cell r="C115" t="str">
            <v>残土処理工</v>
          </cell>
          <cell r="D115" t="str">
            <v>10t積 良好</v>
          </cell>
          <cell r="E115" t="str">
            <v>ｍ3</v>
          </cell>
          <cell r="F115">
            <v>1212</v>
          </cell>
        </row>
        <row r="116">
          <cell r="A116">
            <v>5008.5</v>
          </cell>
          <cell r="H116" t="str">
            <v>第9号 単一表</v>
          </cell>
        </row>
        <row r="117">
          <cell r="A117">
            <v>5009</v>
          </cell>
          <cell r="C117" t="str">
            <v>ﾀﾞﾝﾌﾟﾄﾗｯｸ運転費</v>
          </cell>
          <cell r="D117" t="str">
            <v>10t積 良好</v>
          </cell>
          <cell r="E117" t="str">
            <v>日</v>
          </cell>
          <cell r="F117">
            <v>44900</v>
          </cell>
        </row>
        <row r="118">
          <cell r="A118">
            <v>5009.5</v>
          </cell>
          <cell r="D118" t="str">
            <v>切土法面整形</v>
          </cell>
          <cell r="H118" t="str">
            <v>第10号 単一表</v>
          </cell>
        </row>
        <row r="119">
          <cell r="A119">
            <v>5010</v>
          </cell>
          <cell r="C119" t="str">
            <v>法面整形工</v>
          </cell>
          <cell r="D119" t="str">
            <v>砂質土 0.6m3BH(ﾊﾞｽｹｯﾄ付)</v>
          </cell>
          <cell r="E119" t="str">
            <v>ｍ2</v>
          </cell>
          <cell r="F119">
            <v>706</v>
          </cell>
        </row>
        <row r="120">
          <cell r="A120">
            <v>5010.5</v>
          </cell>
          <cell r="D120" t="str">
            <v>盛土法面整形</v>
          </cell>
          <cell r="H120" t="str">
            <v>第11号 単一表</v>
          </cell>
        </row>
        <row r="121">
          <cell r="A121">
            <v>5011</v>
          </cell>
          <cell r="C121" t="str">
            <v>法面整形工</v>
          </cell>
          <cell r="D121" t="str">
            <v>土羽 0.6m3BH(ﾊﾞｽｹｯﾄ付)</v>
          </cell>
          <cell r="E121" t="str">
            <v>ｍ2</v>
          </cell>
          <cell r="F121">
            <v>595</v>
          </cell>
        </row>
        <row r="122">
          <cell r="A122">
            <v>5011.5</v>
          </cell>
          <cell r="D122" t="str">
            <v xml:space="preserve">排出ｶﾞｽ対策型(第2次) </v>
          </cell>
          <cell r="H122" t="str">
            <v>第12号 単一表</v>
          </cell>
        </row>
        <row r="123">
          <cell r="A123">
            <v>5012</v>
          </cell>
          <cell r="C123" t="str">
            <v>ﾊﾞｯｸﾎｳ運転</v>
          </cell>
          <cell r="D123" t="str">
            <v>山積0.8m3(平積0.6m3)BF</v>
          </cell>
          <cell r="E123" t="str">
            <v>h</v>
          </cell>
          <cell r="F123">
            <v>9690</v>
          </cell>
        </row>
        <row r="124">
          <cell r="A124">
            <v>5012.5</v>
          </cell>
          <cell r="H124" t="str">
            <v>第13号 単一表</v>
          </cell>
        </row>
        <row r="125">
          <cell r="A125">
            <v>5013</v>
          </cell>
          <cell r="C125" t="str">
            <v>試掘工</v>
          </cell>
          <cell r="D125">
            <v>0</v>
          </cell>
          <cell r="E125" t="str">
            <v>箇所</v>
          </cell>
          <cell r="F125">
            <v>1530</v>
          </cell>
        </row>
        <row r="126">
          <cell r="A126">
            <v>5013.5</v>
          </cell>
          <cell r="H126" t="str">
            <v>第14号 単一表</v>
          </cell>
        </row>
        <row r="127">
          <cell r="A127">
            <v>5014</v>
          </cell>
          <cell r="C127" t="str">
            <v>フェンス設置工</v>
          </cell>
          <cell r="D127" t="str">
            <v>H=1.5m 独立基礎式</v>
          </cell>
          <cell r="E127" t="str">
            <v>ｍ</v>
          </cell>
          <cell r="F127">
            <v>38300</v>
          </cell>
        </row>
        <row r="128">
          <cell r="A128">
            <v>5014.5</v>
          </cell>
          <cell r="H128" t="str">
            <v>第15号 単一表</v>
          </cell>
        </row>
        <row r="129">
          <cell r="A129">
            <v>5015</v>
          </cell>
          <cell r="C129" t="str">
            <v>フェンス門扉設置工</v>
          </cell>
          <cell r="D129" t="str">
            <v>H=1.5m 片開きW=1.0m</v>
          </cell>
          <cell r="E129" t="str">
            <v>基</v>
          </cell>
          <cell r="F129">
            <v>387300</v>
          </cell>
        </row>
        <row r="130">
          <cell r="A130">
            <v>5015.5</v>
          </cell>
          <cell r="H130" t="str">
            <v>第16号 単一表</v>
          </cell>
        </row>
        <row r="131">
          <cell r="A131">
            <v>5016</v>
          </cell>
          <cell r="C131" t="str">
            <v>階段工</v>
          </cell>
          <cell r="D131">
            <v>0</v>
          </cell>
          <cell r="E131" t="str">
            <v>箇所</v>
          </cell>
          <cell r="F131">
            <v>43600</v>
          </cell>
        </row>
        <row r="132">
          <cell r="A132">
            <v>5016.5</v>
          </cell>
          <cell r="D132" t="str">
            <v>小型構造物　人力</v>
          </cell>
          <cell r="H132" t="str">
            <v>第17号 単一表</v>
          </cell>
        </row>
        <row r="133">
          <cell r="A133">
            <v>5017</v>
          </cell>
          <cell r="C133" t="str">
            <v>ｺﾝｸﾘｰﾄ工</v>
          </cell>
          <cell r="D133" t="str">
            <v xml:space="preserve">18-8-25BB </v>
          </cell>
          <cell r="E133" t="str">
            <v>ｍ3</v>
          </cell>
          <cell r="F133">
            <v>18580</v>
          </cell>
        </row>
        <row r="134">
          <cell r="A134">
            <v>5017.5</v>
          </cell>
          <cell r="H134" t="str">
            <v>第18号 単一表</v>
          </cell>
        </row>
        <row r="135">
          <cell r="A135">
            <v>5018</v>
          </cell>
          <cell r="C135" t="str">
            <v>型枠工</v>
          </cell>
          <cell r="D135" t="str">
            <v>小型構造物</v>
          </cell>
          <cell r="E135" t="str">
            <v>ｍ2</v>
          </cell>
          <cell r="F135">
            <v>5370</v>
          </cell>
        </row>
        <row r="136">
          <cell r="A136">
            <v>5018.5</v>
          </cell>
          <cell r="H136" t="str">
            <v>第19号 単一表</v>
          </cell>
        </row>
        <row r="137">
          <cell r="A137">
            <v>5019</v>
          </cell>
          <cell r="C137" t="str">
            <v>基礎砕石工</v>
          </cell>
          <cell r="D137" t="str">
            <v>RC-40 t=10cm</v>
          </cell>
          <cell r="E137" t="str">
            <v>ｍ2</v>
          </cell>
          <cell r="F137">
            <v>826</v>
          </cell>
        </row>
        <row r="138">
          <cell r="A138">
            <v>5019.5</v>
          </cell>
          <cell r="D138" t="str">
            <v xml:space="preserve">排出ｶﾞｽ対策型(第1次) </v>
          </cell>
          <cell r="H138" t="str">
            <v>第20号 単一表</v>
          </cell>
        </row>
        <row r="139">
          <cell r="A139">
            <v>5020</v>
          </cell>
          <cell r="C139" t="str">
            <v>ﾊﾞｯｸﾎｳ運転</v>
          </cell>
          <cell r="D139" t="str">
            <v>山積0.8m3(平積0.6m3)BF</v>
          </cell>
          <cell r="E139" t="str">
            <v>日</v>
          </cell>
          <cell r="F139">
            <v>28200</v>
          </cell>
        </row>
        <row r="140">
          <cell r="A140">
            <v>5020.5</v>
          </cell>
          <cell r="D140" t="str">
            <v>49kg/本</v>
          </cell>
          <cell r="H140" t="str">
            <v>第21号 単一表</v>
          </cell>
        </row>
        <row r="141">
          <cell r="A141">
            <v>5021</v>
          </cell>
          <cell r="C141" t="str">
            <v>歩車道境界ブロック設置工</v>
          </cell>
          <cell r="D141" t="str">
            <v>L=0.6m</v>
          </cell>
          <cell r="E141" t="str">
            <v>ｍ</v>
          </cell>
          <cell r="F141">
            <v>5537</v>
          </cell>
        </row>
        <row r="142">
          <cell r="A142">
            <v>5021.5</v>
          </cell>
          <cell r="D142" t="str">
            <v>49kg/本</v>
          </cell>
          <cell r="H142" t="str">
            <v>第22号 単一表</v>
          </cell>
        </row>
        <row r="143">
          <cell r="A143">
            <v>5022</v>
          </cell>
          <cell r="C143" t="str">
            <v>ブロック設置工</v>
          </cell>
          <cell r="D143" t="str">
            <v>150-190×200×600</v>
          </cell>
          <cell r="E143" t="str">
            <v>ｍ</v>
          </cell>
          <cell r="F143">
            <v>3035</v>
          </cell>
        </row>
        <row r="144">
          <cell r="A144">
            <v>5022.5</v>
          </cell>
          <cell r="H144" t="str">
            <v>第23号 単一表</v>
          </cell>
        </row>
        <row r="145">
          <cell r="A145">
            <v>5023</v>
          </cell>
          <cell r="C145" t="str">
            <v>ブロック撤去・処分工</v>
          </cell>
          <cell r="D145" t="str">
            <v>800mm以下</v>
          </cell>
          <cell r="E145" t="str">
            <v>ｍ</v>
          </cell>
          <cell r="F145">
            <v>503</v>
          </cell>
        </row>
        <row r="146">
          <cell r="A146">
            <v>5023.5</v>
          </cell>
          <cell r="D146" t="str">
            <v>排出ｶﾞｽ対策型(第1次) ｸﾛｰﾗ型・超小旋回型</v>
          </cell>
          <cell r="H146" t="str">
            <v>第24号 単一表</v>
          </cell>
        </row>
        <row r="147">
          <cell r="A147">
            <v>5024</v>
          </cell>
          <cell r="C147" t="str">
            <v>小型ﾊﾞｯｸﾎｳ運転</v>
          </cell>
          <cell r="D147" t="str">
            <v>山積0.22m3(平積0.16m3)BF</v>
          </cell>
          <cell r="E147" t="str">
            <v>日</v>
          </cell>
          <cell r="F147">
            <v>30500</v>
          </cell>
        </row>
        <row r="148">
          <cell r="A148">
            <v>5024.5</v>
          </cell>
          <cell r="H148" t="str">
            <v>第25号 単一表</v>
          </cell>
        </row>
        <row r="149">
          <cell r="A149">
            <v>5025</v>
          </cell>
          <cell r="C149" t="str">
            <v>敷ﾓﾙﾀﾙ工</v>
          </cell>
          <cell r="D149" t="str">
            <v>1:3</v>
          </cell>
          <cell r="E149" t="str">
            <v>ｍ3</v>
          </cell>
          <cell r="F149">
            <v>24600</v>
          </cell>
        </row>
        <row r="150">
          <cell r="A150">
            <v>5025.5</v>
          </cell>
          <cell r="D150" t="str">
            <v>無筋構造物　人力</v>
          </cell>
          <cell r="H150" t="str">
            <v>第26号 単一表</v>
          </cell>
        </row>
        <row r="151">
          <cell r="A151">
            <v>5026</v>
          </cell>
          <cell r="C151" t="str">
            <v>基礎ｺﾝｸﾘｰﾄ工</v>
          </cell>
          <cell r="D151" t="str">
            <v xml:space="preserve">18-8-25BB </v>
          </cell>
          <cell r="E151" t="str">
            <v>ｍ3</v>
          </cell>
          <cell r="F151">
            <v>14680</v>
          </cell>
        </row>
        <row r="152">
          <cell r="A152">
            <v>5026.5</v>
          </cell>
          <cell r="H152" t="str">
            <v>第27号 単一表</v>
          </cell>
        </row>
        <row r="153">
          <cell r="A153">
            <v>5027</v>
          </cell>
          <cell r="C153" t="str">
            <v>不陸整正工</v>
          </cell>
          <cell r="D153" t="str">
            <v>補足材なし</v>
          </cell>
          <cell r="E153" t="str">
            <v>ｍ2</v>
          </cell>
          <cell r="F153">
            <v>93</v>
          </cell>
        </row>
        <row r="154">
          <cell r="A154">
            <v>5027.5</v>
          </cell>
          <cell r="D154" t="str">
            <v xml:space="preserve">排出ｶﾞｽ対策型(第1次) </v>
          </cell>
          <cell r="H154" t="str">
            <v>第28号 単一表</v>
          </cell>
        </row>
        <row r="155">
          <cell r="A155">
            <v>5028</v>
          </cell>
          <cell r="C155" t="str">
            <v>ﾓｰﾀｰｸﾞﾚｰﾀﾞ運転</v>
          </cell>
          <cell r="D155" t="str">
            <v>3.1ｍ</v>
          </cell>
          <cell r="E155" t="str">
            <v>日</v>
          </cell>
          <cell r="F155">
            <v>46100</v>
          </cell>
        </row>
        <row r="156">
          <cell r="A156">
            <v>5028.5</v>
          </cell>
          <cell r="D156" t="str">
            <v xml:space="preserve">排出ｶﾞｽ対策型(第1次) </v>
          </cell>
          <cell r="H156" t="str">
            <v>第29号 単一表</v>
          </cell>
        </row>
        <row r="157">
          <cell r="A157">
            <v>5029</v>
          </cell>
          <cell r="C157" t="str">
            <v>ﾛｰﾄﾞﾛｰﾗ運転</v>
          </cell>
          <cell r="D157" t="str">
            <v>ﾏｶﾀﾞﾑ 10～12t</v>
          </cell>
          <cell r="E157" t="str">
            <v>日</v>
          </cell>
          <cell r="F157">
            <v>38400</v>
          </cell>
        </row>
        <row r="158">
          <cell r="A158">
            <v>5029.5</v>
          </cell>
          <cell r="D158" t="str">
            <v xml:space="preserve">排出ｶﾞｽ対策型(第1次) </v>
          </cell>
          <cell r="H158" t="str">
            <v>第30号 単一表</v>
          </cell>
        </row>
        <row r="159">
          <cell r="A159">
            <v>5030</v>
          </cell>
          <cell r="C159" t="str">
            <v>ﾀｲﾔﾛｰﾗ運転</v>
          </cell>
          <cell r="D159" t="str">
            <v>8～20t</v>
          </cell>
          <cell r="E159" t="str">
            <v>日</v>
          </cell>
          <cell r="F159">
            <v>38000</v>
          </cell>
        </row>
        <row r="160">
          <cell r="A160">
            <v>5030.5</v>
          </cell>
          <cell r="D160" t="str">
            <v>人力施工</v>
          </cell>
          <cell r="H160" t="str">
            <v>第31号 単一表</v>
          </cell>
        </row>
        <row r="161">
          <cell r="A161">
            <v>5031</v>
          </cell>
          <cell r="C161" t="str">
            <v>路盤工</v>
          </cell>
          <cell r="D161" t="str">
            <v>RC-40 1層 t=10cm</v>
          </cell>
          <cell r="E161" t="str">
            <v>ｍ2</v>
          </cell>
          <cell r="F161">
            <v>617</v>
          </cell>
        </row>
        <row r="162">
          <cell r="A162">
            <v>5031.5</v>
          </cell>
          <cell r="D162" t="str">
            <v xml:space="preserve">排出ｶﾞｽ対策型(第1次) </v>
          </cell>
          <cell r="H162" t="str">
            <v>第32号 単一表</v>
          </cell>
        </row>
        <row r="163">
          <cell r="A163">
            <v>5032</v>
          </cell>
          <cell r="C163" t="str">
            <v>振動ﾛｰﾗ運転</v>
          </cell>
          <cell r="D163" t="str">
            <v>搭乗式ｺﾝﾊﾞｲﾝﾄ型 3～4t</v>
          </cell>
          <cell r="E163" t="str">
            <v>日</v>
          </cell>
          <cell r="F163">
            <v>27400</v>
          </cell>
        </row>
        <row r="164">
          <cell r="A164">
            <v>5032.5</v>
          </cell>
          <cell r="D164" t="str">
            <v>排出ｶﾞｽ対策型(第2次) ｸﾛｰﾗ型</v>
          </cell>
          <cell r="H164" t="str">
            <v>第33号 単一表</v>
          </cell>
        </row>
        <row r="165">
          <cell r="A165">
            <v>5033</v>
          </cell>
          <cell r="C165" t="str">
            <v>小型ﾊﾞｯｸﾎｳ運転</v>
          </cell>
          <cell r="D165" t="str">
            <v>山積0.11m3(平積0.08m3)BF</v>
          </cell>
          <cell r="E165" t="str">
            <v>日</v>
          </cell>
          <cell r="F165">
            <v>29400</v>
          </cell>
        </row>
        <row r="166">
          <cell r="A166">
            <v>5033.5</v>
          </cell>
          <cell r="D166" t="str">
            <v>人力施工</v>
          </cell>
          <cell r="H166" t="str">
            <v>第34号 単一表</v>
          </cell>
        </row>
        <row r="167">
          <cell r="A167">
            <v>5034</v>
          </cell>
          <cell r="C167" t="str">
            <v>下層路盤工</v>
          </cell>
          <cell r="D167" t="str">
            <v>RC-40 1層 t=15cm</v>
          </cell>
          <cell r="E167" t="str">
            <v>ｍ2</v>
          </cell>
          <cell r="F167">
            <v>706</v>
          </cell>
        </row>
        <row r="168">
          <cell r="A168">
            <v>5034.5</v>
          </cell>
          <cell r="D168" t="str">
            <v>人力施工</v>
          </cell>
          <cell r="H168" t="str">
            <v>第35号 単一表</v>
          </cell>
        </row>
        <row r="169">
          <cell r="A169">
            <v>5035</v>
          </cell>
          <cell r="C169" t="str">
            <v>上層路盤工</v>
          </cell>
          <cell r="D169" t="str">
            <v>RM-30 1層 t=10cm</v>
          </cell>
          <cell r="E169" t="str">
            <v>ｍ2</v>
          </cell>
          <cell r="F169">
            <v>680</v>
          </cell>
        </row>
        <row r="170">
          <cell r="A170">
            <v>5035.5</v>
          </cell>
          <cell r="D170" t="str">
            <v>機械施工 歩道 ﾌﾟﾗｲﾑｺｰﾄ使用</v>
          </cell>
          <cell r="H170" t="str">
            <v>第36号 単一表</v>
          </cell>
        </row>
        <row r="171">
          <cell r="A171">
            <v>5036</v>
          </cell>
          <cell r="C171" t="str">
            <v>基層工</v>
          </cell>
          <cell r="D171" t="str">
            <v>粗粒度As20 t=5cm</v>
          </cell>
          <cell r="E171" t="str">
            <v>ｍ2</v>
          </cell>
          <cell r="F171">
            <v>1759</v>
          </cell>
        </row>
        <row r="172">
          <cell r="A172">
            <v>5036.5</v>
          </cell>
          <cell r="D172" t="str">
            <v xml:space="preserve">排出ｶﾞｽ対策型(第2次) </v>
          </cell>
          <cell r="H172" t="str">
            <v>第37号 単一表</v>
          </cell>
        </row>
        <row r="173">
          <cell r="A173">
            <v>5037</v>
          </cell>
          <cell r="C173" t="str">
            <v>ｱｽﾌｧﾙﾄﾌｨﾆｯｼｬ運転</v>
          </cell>
          <cell r="D173" t="str">
            <v>ｸﾛｰﾗ型 1.4～3.0m</v>
          </cell>
          <cell r="E173" t="str">
            <v>日</v>
          </cell>
          <cell r="F173">
            <v>46000</v>
          </cell>
        </row>
        <row r="174">
          <cell r="A174">
            <v>5037.5</v>
          </cell>
          <cell r="D174" t="str">
            <v xml:space="preserve">排出ｶﾞｽ対策型(第1次) </v>
          </cell>
          <cell r="H174" t="str">
            <v>第38号 単一表</v>
          </cell>
        </row>
        <row r="175">
          <cell r="A175">
            <v>5038</v>
          </cell>
          <cell r="C175" t="str">
            <v>振動ﾛｰﾗ運転</v>
          </cell>
          <cell r="D175" t="str">
            <v>搭乗式ｺﾝﾊﾞｲﾝﾄﾞ型 3～4t</v>
          </cell>
          <cell r="E175" t="str">
            <v>日</v>
          </cell>
          <cell r="F175">
            <v>27700</v>
          </cell>
        </row>
        <row r="176">
          <cell r="A176">
            <v>5038.5</v>
          </cell>
          <cell r="D176" t="str">
            <v>機械施工 歩道 ﾀｯｸｺｰﾄ使用</v>
          </cell>
          <cell r="H176" t="str">
            <v>第39号 単一表</v>
          </cell>
        </row>
        <row r="177">
          <cell r="A177">
            <v>5039</v>
          </cell>
          <cell r="C177" t="str">
            <v>表層工</v>
          </cell>
          <cell r="D177" t="str">
            <v>密粒度As20 t=5cm</v>
          </cell>
          <cell r="E177" t="str">
            <v>ｍ2</v>
          </cell>
          <cell r="F177">
            <v>1715</v>
          </cell>
        </row>
        <row r="178">
          <cell r="A178">
            <v>5039.5</v>
          </cell>
        </row>
        <row r="179">
          <cell r="A179">
            <v>5040</v>
          </cell>
        </row>
      </sheetData>
      <sheetData sheetId="41"/>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当初表紙"/>
      <sheetName val="内訳集計 "/>
      <sheetName val="諸経費"/>
      <sheetName val="1号"/>
      <sheetName val="1-1号"/>
      <sheetName val="1-2号"/>
      <sheetName val="1-3号"/>
      <sheetName val="2号"/>
      <sheetName val="2-1号"/>
      <sheetName val="3号"/>
      <sheetName val="3-1号"/>
      <sheetName val="3-2号"/>
      <sheetName val="3-3号"/>
      <sheetName val="3-4号"/>
      <sheetName val="3-5号"/>
      <sheetName val="3-6号"/>
      <sheetName val="3-7号"/>
      <sheetName val="3-8号"/>
      <sheetName val="3-9号"/>
      <sheetName val="3-9-1号"/>
      <sheetName val="3-9-2号"/>
      <sheetName val="3-9-3号"/>
      <sheetName val="3-9-4号"/>
      <sheetName val="3-9-5号"/>
      <sheetName val="4号"/>
      <sheetName val="5号"/>
      <sheetName val="5-1号"/>
      <sheetName val="5-2号"/>
      <sheetName val="5-3号"/>
      <sheetName val="5-4号"/>
      <sheetName val="6号"/>
      <sheetName val="7号"/>
      <sheetName val="8号"/>
      <sheetName val="→出力しない"/>
      <sheetName val="単価コード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row r="3">
          <cell r="B3" t="str">
            <v>番号</v>
          </cell>
          <cell r="C3" t="str">
            <v>工種 （名称）　　［上段］</v>
          </cell>
          <cell r="D3" t="str">
            <v>工種 （名称）　　　［下段］</v>
          </cell>
          <cell r="E3" t="str">
            <v>種別（規格）　　　　［上段］</v>
          </cell>
          <cell r="F3" t="str">
            <v>種別（規格）　　　　［下段］</v>
          </cell>
          <cell r="G3" t="str">
            <v>単位</v>
          </cell>
          <cell r="H3" t="str">
            <v>単　価</v>
          </cell>
          <cell r="I3" t="str">
            <v>摘　　要　　　［上段］</v>
          </cell>
          <cell r="J3" t="str">
            <v>摘　　要　　　［下段］</v>
          </cell>
          <cell r="L3" t="str">
            <v>管材費</v>
          </cell>
        </row>
        <row r="4">
          <cell r="B4">
            <v>1</v>
          </cell>
          <cell r="D4" t="str">
            <v>掘削</v>
          </cell>
          <cell r="E4" t="str">
            <v>岩塊･玉石　ｵｰﾌﾟﾝｶｯﾄ</v>
          </cell>
          <cell r="F4" t="str">
            <v>50,000m3未満</v>
          </cell>
          <cell r="G4" t="str">
            <v>ｍ3</v>
          </cell>
          <cell r="H4">
            <v>260</v>
          </cell>
          <cell r="J4" t="str">
            <v>施工　第0-0001号内訳表</v>
          </cell>
        </row>
        <row r="5">
          <cell r="B5">
            <v>2</v>
          </cell>
          <cell r="D5" t="str">
            <v>埋戻し</v>
          </cell>
          <cell r="F5" t="str">
            <v>最大埋戻幅1m以上4m未満</v>
          </cell>
          <cell r="G5" t="str">
            <v>ｍ3</v>
          </cell>
          <cell r="H5">
            <v>1400</v>
          </cell>
          <cell r="J5" t="str">
            <v>施工　第0-0002号内訳表</v>
          </cell>
        </row>
        <row r="6">
          <cell r="B6">
            <v>3</v>
          </cell>
          <cell r="D6" t="str">
            <v>舗装版破砕</v>
          </cell>
          <cell r="E6" t="str">
            <v>アスファルト舗装版</v>
          </cell>
          <cell r="F6" t="str">
            <v>障害無　舗装厚10cm以下</v>
          </cell>
          <cell r="G6" t="str">
            <v>ｍ2</v>
          </cell>
          <cell r="H6">
            <v>110</v>
          </cell>
          <cell r="J6" t="str">
            <v>施工　第0-0003号内訳表</v>
          </cell>
        </row>
        <row r="7">
          <cell r="B7">
            <v>4</v>
          </cell>
          <cell r="D7" t="str">
            <v>殻運搬</v>
          </cell>
          <cell r="E7" t="str">
            <v>舗装版破砕　11.5km以下</v>
          </cell>
          <cell r="F7" t="str">
            <v>機械積込　舗装版厚15cm以下</v>
          </cell>
          <cell r="G7" t="str">
            <v>ｍ3</v>
          </cell>
          <cell r="H7">
            <v>3000</v>
          </cell>
          <cell r="J7" t="str">
            <v>施工　第0-0004号内訳表</v>
          </cell>
        </row>
        <row r="8">
          <cell r="B8">
            <v>5</v>
          </cell>
          <cell r="D8" t="str">
            <v>殻運搬</v>
          </cell>
          <cell r="E8" t="str">
            <v>Co構造物とりこわし　</v>
          </cell>
          <cell r="F8" t="str">
            <v>4.0km以下 機械積込</v>
          </cell>
          <cell r="G8" t="str">
            <v>ｍ3</v>
          </cell>
          <cell r="H8">
            <v>960</v>
          </cell>
          <cell r="J8" t="str">
            <v>施工　第0-0005号内訳表</v>
          </cell>
        </row>
        <row r="9">
          <cell r="B9">
            <v>6</v>
          </cell>
          <cell r="D9" t="str">
            <v>土砂等運搬</v>
          </cell>
          <cell r="E9" t="str">
            <v xml:space="preserve">BH山積0.8m3(平積0.6m3) </v>
          </cell>
          <cell r="F9" t="str">
            <v>9.5km以下 土砂</v>
          </cell>
          <cell r="G9" t="str">
            <v>ｍ3</v>
          </cell>
          <cell r="H9">
            <v>1300</v>
          </cell>
          <cell r="J9" t="str">
            <v>施工　第0-0006号内訳表</v>
          </cell>
        </row>
        <row r="10">
          <cell r="B10">
            <v>7</v>
          </cell>
          <cell r="D10" t="str">
            <v>表層(車道・路肩部)</v>
          </cell>
          <cell r="E10" t="str">
            <v>45mm≦t＜55mm 幅員1.4m以上　</v>
          </cell>
          <cell r="F10" t="str">
            <v>密粒度As(20)　ﾌﾟﾗｲﾑｺｰﾄPK-3</v>
          </cell>
          <cell r="G10" t="str">
            <v>ｍ2</v>
          </cell>
          <cell r="H10">
            <v>1700</v>
          </cell>
          <cell r="J10" t="str">
            <v>施工　第0-0007号内訳表</v>
          </cell>
        </row>
        <row r="11">
          <cell r="B11">
            <v>8</v>
          </cell>
          <cell r="D11" t="str">
            <v>上層路盤(車道・路肩部)</v>
          </cell>
          <cell r="E11" t="str">
            <v>粒度調整砕石M-25</v>
          </cell>
          <cell r="F11" t="str">
            <v>25mm以上75mm以下</v>
          </cell>
          <cell r="G11" t="str">
            <v>ｍ2</v>
          </cell>
          <cell r="H11">
            <v>410</v>
          </cell>
          <cell r="J11" t="str">
            <v>施工　第0-0008号内訳表</v>
          </cell>
        </row>
        <row r="12">
          <cell r="B12">
            <v>9</v>
          </cell>
          <cell r="D12" t="str">
            <v>下層路盤工(車道・路肩部)</v>
          </cell>
          <cell r="E12" t="str">
            <v>125mm超175mm以下</v>
          </cell>
          <cell r="F12" t="str">
            <v>再生クラッシャランRC-40</v>
          </cell>
          <cell r="G12" t="str">
            <v>ｍ2</v>
          </cell>
          <cell r="H12">
            <v>680</v>
          </cell>
          <cell r="J12" t="str">
            <v>施工　第0-0009号内訳表</v>
          </cell>
        </row>
        <row r="13">
          <cell r="B13">
            <v>10</v>
          </cell>
          <cell r="D13" t="str">
            <v>掘削</v>
          </cell>
          <cell r="E13" t="str">
            <v>土砂　ｵｰﾌﾟﾝｶｯﾄ　押土あり</v>
          </cell>
          <cell r="F13" t="str">
            <v>30,000m3未満</v>
          </cell>
          <cell r="G13" t="str">
            <v>ｍ3</v>
          </cell>
          <cell r="H13">
            <v>260</v>
          </cell>
          <cell r="J13" t="str">
            <v>施工　第0-0010号内訳表</v>
          </cell>
        </row>
        <row r="14">
          <cell r="B14">
            <v>11</v>
          </cell>
          <cell r="D14" t="str">
            <v>積込</v>
          </cell>
          <cell r="E14" t="str">
            <v>ルーズ　土砂</v>
          </cell>
          <cell r="F14" t="str">
            <v>土量50,000m3未満</v>
          </cell>
          <cell r="G14" t="str">
            <v>ｍ3</v>
          </cell>
          <cell r="H14">
            <v>190</v>
          </cell>
          <cell r="J14" t="str">
            <v>施工　第0-0011号内訳表</v>
          </cell>
        </row>
        <row r="15">
          <cell r="B15">
            <v>12</v>
          </cell>
          <cell r="D15" t="str">
            <v>整地</v>
          </cell>
          <cell r="E15" t="str">
            <v>敷均し(ルーズ)</v>
          </cell>
          <cell r="F15" t="str">
            <v>標準</v>
          </cell>
          <cell r="G15" t="str">
            <v>ｍ3</v>
          </cell>
          <cell r="H15">
            <v>110</v>
          </cell>
          <cell r="J15" t="str">
            <v>施工　第0-0012号内訳表</v>
          </cell>
        </row>
        <row r="16">
          <cell r="B16">
            <v>13</v>
          </cell>
          <cell r="D16" t="str">
            <v>型枠</v>
          </cell>
          <cell r="E16" t="str">
            <v>一般型枠</v>
          </cell>
          <cell r="F16" t="str">
            <v>鉄筋・無筋構造物</v>
          </cell>
          <cell r="G16" t="str">
            <v>ｍ2</v>
          </cell>
          <cell r="H16">
            <v>6300</v>
          </cell>
          <cell r="J16" t="str">
            <v>施工　第0-0013号内訳表</v>
          </cell>
        </row>
        <row r="17">
          <cell r="B17">
            <v>14</v>
          </cell>
          <cell r="D17" t="str">
            <v>型枠</v>
          </cell>
          <cell r="E17" t="str">
            <v>一般型枠</v>
          </cell>
          <cell r="F17" t="str">
            <v>均しコンクリート</v>
          </cell>
          <cell r="G17" t="str">
            <v>ｍ2</v>
          </cell>
          <cell r="H17">
            <v>3200</v>
          </cell>
          <cell r="J17" t="str">
            <v>施工　第0-0014号内訳表</v>
          </cell>
        </row>
        <row r="18">
          <cell r="B18">
            <v>15</v>
          </cell>
          <cell r="D18" t="str">
            <v>基礎砕石</v>
          </cell>
          <cell r="E18" t="str">
            <v>7.5cm超12.5cm以下</v>
          </cell>
          <cell r="F18" t="str">
            <v>RC-40</v>
          </cell>
          <cell r="G18" t="str">
            <v>ｍ2</v>
          </cell>
          <cell r="H18">
            <v>970</v>
          </cell>
          <cell r="J18" t="str">
            <v>施工　第0-0015号内訳表</v>
          </cell>
        </row>
        <row r="19">
          <cell r="B19">
            <v>16</v>
          </cell>
          <cell r="D19" t="str">
            <v>基礎砕石</v>
          </cell>
          <cell r="E19" t="str">
            <v>12.5cm超17.5cm以下</v>
          </cell>
          <cell r="F19" t="str">
            <v>RC-40</v>
          </cell>
          <cell r="G19" t="str">
            <v>ｍ2</v>
          </cell>
          <cell r="H19">
            <v>1100</v>
          </cell>
          <cell r="J19" t="str">
            <v>施工　第0-0016号内訳表</v>
          </cell>
        </row>
        <row r="20">
          <cell r="B20">
            <v>17</v>
          </cell>
          <cell r="D20" t="str">
            <v>基礎砕石</v>
          </cell>
          <cell r="E20" t="str">
            <v>17.5cm超20.0cm以下</v>
          </cell>
          <cell r="F20" t="str">
            <v>RC-40</v>
          </cell>
          <cell r="G20" t="str">
            <v>ｍ2</v>
          </cell>
          <cell r="H20">
            <v>1300</v>
          </cell>
          <cell r="J20" t="str">
            <v>施工　第0-0017号内訳表</v>
          </cell>
        </row>
        <row r="21">
          <cell r="B21">
            <v>18</v>
          </cell>
          <cell r="D21" t="str">
            <v>コンクリート</v>
          </cell>
          <cell r="E21" t="str">
            <v>10m3/日以上・打設高2m超</v>
          </cell>
          <cell r="F21" t="str">
            <v>無筋・鉄筋構造物 24-8-25</v>
          </cell>
          <cell r="G21" t="str">
            <v>ｍ3</v>
          </cell>
          <cell r="H21">
            <v>18000</v>
          </cell>
          <cell r="J21" t="str">
            <v>施工　第0-0018号内訳表</v>
          </cell>
        </row>
        <row r="22">
          <cell r="B22">
            <v>19</v>
          </cell>
          <cell r="D22" t="str">
            <v>現場発生品運搬</v>
          </cell>
          <cell r="E22" t="str">
            <v>ｸﾚｰﾝ装置付4t積2.9t吊</v>
          </cell>
          <cell r="F22" t="str">
            <v>荷台長L=3.4m荷台幅W=2.0m</v>
          </cell>
          <cell r="G22" t="str">
            <v>回</v>
          </cell>
          <cell r="H22">
            <v>10000</v>
          </cell>
          <cell r="J22" t="str">
            <v>施工　第0-0019号内訳表</v>
          </cell>
        </row>
        <row r="23">
          <cell r="B23">
            <v>20</v>
          </cell>
          <cell r="D23" t="str">
            <v>コンクリート</v>
          </cell>
          <cell r="E23" t="str">
            <v>10m3/日未満・打設高2m以下</v>
          </cell>
          <cell r="F23" t="str">
            <v>無筋・鉄筋構造物 24-8-25</v>
          </cell>
          <cell r="G23" t="str">
            <v>ｍ3</v>
          </cell>
          <cell r="H23">
            <v>20000</v>
          </cell>
          <cell r="J23" t="str">
            <v>施工　第0-0020号内訳表</v>
          </cell>
        </row>
        <row r="24">
          <cell r="B24">
            <v>21</v>
          </cell>
          <cell r="D24" t="str">
            <v>コンクリート</v>
          </cell>
          <cell r="E24" t="str">
            <v>10m3/日未満・打設高2m以下</v>
          </cell>
          <cell r="F24" t="str">
            <v>無筋・鉄筋構造物 18-8-40</v>
          </cell>
          <cell r="G24" t="str">
            <v>ｍ3</v>
          </cell>
          <cell r="H24">
            <v>19000</v>
          </cell>
          <cell r="J24" t="str">
            <v>施工　第0-0021号内訳表</v>
          </cell>
        </row>
        <row r="25">
          <cell r="B25">
            <v>22</v>
          </cell>
          <cell r="D25" t="str">
            <v>コンクリート</v>
          </cell>
          <cell r="E25" t="str">
            <v>打設地上高2m以下</v>
          </cell>
          <cell r="F25" t="str">
            <v>小型構造物 18-8-40</v>
          </cell>
          <cell r="G25" t="str">
            <v>ｍ3</v>
          </cell>
          <cell r="H25">
            <v>24000</v>
          </cell>
          <cell r="J25" t="str">
            <v>施工　第0-0022号内訳表</v>
          </cell>
        </row>
        <row r="26">
          <cell r="B26">
            <v>23</v>
          </cell>
          <cell r="D26" t="str">
            <v>胴込・裏込材(砕石)</v>
          </cell>
          <cell r="E26" t="str">
            <v>間知・平ブロック</v>
          </cell>
          <cell r="F26" t="str">
            <v>再生砕石RC-40</v>
          </cell>
          <cell r="G26" t="str">
            <v>ｍ3</v>
          </cell>
          <cell r="H26">
            <v>5500</v>
          </cell>
          <cell r="J26" t="str">
            <v>施工　第0-0023号内訳表</v>
          </cell>
        </row>
        <row r="27">
          <cell r="B27">
            <v>24</v>
          </cell>
          <cell r="D27" t="str">
            <v>暗渠排水管</v>
          </cell>
          <cell r="E27" t="str">
            <v>据付　直管</v>
          </cell>
          <cell r="F27" t="str">
            <v>呼び径50～150mm</v>
          </cell>
          <cell r="G27" t="str">
            <v>ｍ</v>
          </cell>
          <cell r="H27">
            <v>640</v>
          </cell>
          <cell r="J27" t="str">
            <v>施工　第0-0024号内訳表</v>
          </cell>
        </row>
        <row r="28">
          <cell r="B28">
            <v>25</v>
          </cell>
          <cell r="D28" t="str">
            <v>暗渠排水管</v>
          </cell>
          <cell r="E28" t="str">
            <v>据付　波状管及び網状管</v>
          </cell>
          <cell r="F28" t="str">
            <v>呼び径450～600mm　継手要</v>
          </cell>
          <cell r="G28" t="str">
            <v>ｍ</v>
          </cell>
          <cell r="H28">
            <v>8200</v>
          </cell>
          <cell r="J28" t="str">
            <v>施工　第0-0025号内訳表</v>
          </cell>
        </row>
        <row r="29">
          <cell r="B29">
            <v>26</v>
          </cell>
          <cell r="D29" t="str">
            <v>暗渠排水管</v>
          </cell>
          <cell r="E29" t="str">
            <v>据付・撤去 　波状管及び網状管</v>
          </cell>
          <cell r="F29" t="str">
            <v>呼び径450～600mm　継手不要</v>
          </cell>
          <cell r="G29" t="str">
            <v>ｍ</v>
          </cell>
          <cell r="H29">
            <v>7500</v>
          </cell>
          <cell r="J29" t="str">
            <v>施工　第0-0026号内訳表</v>
          </cell>
        </row>
        <row r="30">
          <cell r="B30">
            <v>27</v>
          </cell>
          <cell r="D30" t="str">
            <v>プレキャスト集水桝</v>
          </cell>
          <cell r="E30" t="str">
            <v>据付</v>
          </cell>
          <cell r="F30" t="str">
            <v>50kg以上80kg以下　基礎砕石有</v>
          </cell>
          <cell r="G30" t="str">
            <v>基</v>
          </cell>
          <cell r="H30">
            <v>1200</v>
          </cell>
          <cell r="J30" t="str">
            <v>施工　第0-0027号内訳表</v>
          </cell>
        </row>
        <row r="31">
          <cell r="B31">
            <v>28</v>
          </cell>
          <cell r="D31" t="str">
            <v>現場打基礎コンクリート</v>
          </cell>
          <cell r="E31" t="str">
            <v>18-8-40</v>
          </cell>
          <cell r="F31" t="str">
            <v>一般養生</v>
          </cell>
          <cell r="G31" t="str">
            <v>ｍ3</v>
          </cell>
          <cell r="H31">
            <v>48000</v>
          </cell>
          <cell r="J31" t="str">
            <v>施工　第0-0028号内訳表</v>
          </cell>
        </row>
        <row r="32">
          <cell r="B32">
            <v>29</v>
          </cell>
          <cell r="D32" t="str">
            <v>天端コンクリート</v>
          </cell>
          <cell r="E32" t="str">
            <v>18-8-40　打設高2m以下</v>
          </cell>
          <cell r="F32" t="str">
            <v>一般養生</v>
          </cell>
          <cell r="G32" t="str">
            <v>ｍ3</v>
          </cell>
          <cell r="H32">
            <v>37000</v>
          </cell>
          <cell r="J32" t="str">
            <v>施工　第0-0029号内訳表</v>
          </cell>
        </row>
        <row r="33">
          <cell r="B33">
            <v>30</v>
          </cell>
          <cell r="D33" t="str">
            <v>函渠型側溝</v>
          </cell>
          <cell r="E33" t="str">
            <v>据付　200mm以上400mm以下</v>
          </cell>
          <cell r="F33" t="str">
            <v>基礎砕石有</v>
          </cell>
          <cell r="G33" t="str">
            <v>ｍ</v>
          </cell>
          <cell r="H33">
            <v>20000</v>
          </cell>
          <cell r="J33" t="str">
            <v>施工　第0-0030号内訳表</v>
          </cell>
        </row>
        <row r="34">
          <cell r="B34">
            <v>31</v>
          </cell>
          <cell r="D34" t="str">
            <v>コンクリート</v>
          </cell>
          <cell r="E34" t="str">
            <v>10m3/日以上・打設高2m超</v>
          </cell>
          <cell r="F34" t="str">
            <v>無筋・鉄筋構造物 24-12-25</v>
          </cell>
          <cell r="G34" t="str">
            <v>ｍ3</v>
          </cell>
          <cell r="H34">
            <v>18000</v>
          </cell>
          <cell r="J34" t="str">
            <v>施工　第0-0031号内訳表</v>
          </cell>
        </row>
        <row r="35">
          <cell r="B35">
            <v>32</v>
          </cell>
          <cell r="D35" t="str">
            <v>コンクリート</v>
          </cell>
          <cell r="E35" t="str">
            <v>10m3/日未満・打設高2m以下</v>
          </cell>
          <cell r="F35" t="str">
            <v>無筋・鉄筋構造物 24-12-25</v>
          </cell>
          <cell r="G35" t="str">
            <v>ｍ3</v>
          </cell>
          <cell r="H35">
            <v>20000</v>
          </cell>
          <cell r="J35" t="str">
            <v>施工　第0-0032号内訳表</v>
          </cell>
        </row>
        <row r="36">
          <cell r="B36">
            <v>33</v>
          </cell>
          <cell r="D36" t="str">
            <v>コンクリート</v>
          </cell>
          <cell r="E36" t="str">
            <v>10m3/日未満・打設高2m以下</v>
          </cell>
          <cell r="F36" t="str">
            <v>無筋・鉄筋構造物 18-12-40</v>
          </cell>
          <cell r="G36" t="str">
            <v>ｍ3</v>
          </cell>
          <cell r="H36">
            <v>19000</v>
          </cell>
          <cell r="J36" t="str">
            <v>施工　第0-0033号内訳表</v>
          </cell>
        </row>
        <row r="37">
          <cell r="B37">
            <v>34</v>
          </cell>
          <cell r="D37" t="str">
            <v>コンクリート</v>
          </cell>
          <cell r="E37" t="str">
            <v>打設高2m以下</v>
          </cell>
          <cell r="F37" t="str">
            <v>小型構造物 18-12-40</v>
          </cell>
          <cell r="G37" t="str">
            <v>ｍ3</v>
          </cell>
          <cell r="H37">
            <v>24000</v>
          </cell>
          <cell r="J37" t="str">
            <v>施工　第0-0034号内訳表</v>
          </cell>
        </row>
        <row r="38">
          <cell r="B38">
            <v>35</v>
          </cell>
          <cell r="D38" t="str">
            <v>コンクリート</v>
          </cell>
          <cell r="E38" t="str">
            <v>10m3/日未満・打設高2m以下</v>
          </cell>
          <cell r="F38" t="str">
            <v>無筋・鉄筋構造物 30-8-25</v>
          </cell>
          <cell r="G38" t="str">
            <v>ｍ3</v>
          </cell>
          <cell r="H38">
            <v>21000</v>
          </cell>
          <cell r="J38" t="str">
            <v>施工　第0-0035号内訳表</v>
          </cell>
        </row>
        <row r="39">
          <cell r="B39">
            <v>36</v>
          </cell>
          <cell r="D39" t="str">
            <v>型枠</v>
          </cell>
          <cell r="E39" t="str">
            <v>一般型枠</v>
          </cell>
          <cell r="F39" t="str">
            <v>小型構造物</v>
          </cell>
          <cell r="G39" t="str">
            <v>ｍ2</v>
          </cell>
          <cell r="H39">
            <v>5700</v>
          </cell>
          <cell r="J39" t="str">
            <v>施工　第0-0036号内訳表</v>
          </cell>
        </row>
        <row r="40">
          <cell r="B40">
            <v>37</v>
          </cell>
          <cell r="D40" t="str">
            <v>埋戻</v>
          </cell>
          <cell r="F40" t="str">
            <v>小規模</v>
          </cell>
          <cell r="G40" t="str">
            <v>ｍ3</v>
          </cell>
          <cell r="H40">
            <v>2700</v>
          </cell>
          <cell r="J40" t="str">
            <v>施工　第0-0037号内訳表</v>
          </cell>
        </row>
        <row r="41">
          <cell r="B41">
            <v>38</v>
          </cell>
          <cell r="D41" t="str">
            <v>暗渠排水管</v>
          </cell>
          <cell r="E41" t="str">
            <v>据付　直管</v>
          </cell>
          <cell r="F41" t="str">
            <v>呼び径200～400mm</v>
          </cell>
          <cell r="G41" t="str">
            <v>ｍ</v>
          </cell>
          <cell r="H41">
            <v>5200</v>
          </cell>
          <cell r="J41" t="str">
            <v>施工　第0-0038号内訳表</v>
          </cell>
        </row>
        <row r="42">
          <cell r="B42">
            <v>39</v>
          </cell>
          <cell r="D42" t="str">
            <v>暗渠排水管</v>
          </cell>
          <cell r="E42" t="str">
            <v>据付　直管</v>
          </cell>
          <cell r="F42" t="str">
            <v>呼び径450mm</v>
          </cell>
          <cell r="G42" t="str">
            <v>ｍ</v>
          </cell>
          <cell r="H42">
            <v>8400</v>
          </cell>
          <cell r="J42" t="str">
            <v>施工　第0-0039号内訳表</v>
          </cell>
        </row>
        <row r="43">
          <cell r="B43">
            <v>40</v>
          </cell>
          <cell r="D43" t="str">
            <v>埋戻し</v>
          </cell>
          <cell r="E43" t="str">
            <v>最小埋戻幅4m以上</v>
          </cell>
          <cell r="G43" t="str">
            <v>ｍ3</v>
          </cell>
          <cell r="H43">
            <v>410</v>
          </cell>
          <cell r="J43" t="str">
            <v>施工　第0-0040号内訳表</v>
          </cell>
        </row>
        <row r="44">
          <cell r="B44">
            <v>41</v>
          </cell>
          <cell r="D44" t="str">
            <v>舗装版切断</v>
          </cell>
          <cell r="E44" t="str">
            <v>アスファルト舗装版</v>
          </cell>
          <cell r="F44" t="str">
            <v>15cm以下</v>
          </cell>
          <cell r="G44" t="str">
            <v>ｍ</v>
          </cell>
          <cell r="H44">
            <v>480</v>
          </cell>
          <cell r="J44" t="str">
            <v>施工　第0-0041号内訳表</v>
          </cell>
        </row>
        <row r="45">
          <cell r="B45">
            <v>42</v>
          </cell>
          <cell r="D45" t="str">
            <v>不陸整正</v>
          </cell>
          <cell r="E45" t="str">
            <v>補足材料厚　49mm以上55mm未満</v>
          </cell>
          <cell r="G45" t="str">
            <v>ｍ2</v>
          </cell>
          <cell r="H45">
            <v>180</v>
          </cell>
          <cell r="J45" t="str">
            <v>施工　第0-0042号内訳表</v>
          </cell>
        </row>
        <row r="46">
          <cell r="B46">
            <v>43</v>
          </cell>
          <cell r="D46" t="str">
            <v>地先境界ブロック撤去</v>
          </cell>
          <cell r="E46" t="str">
            <v>処分</v>
          </cell>
          <cell r="G46" t="str">
            <v>ｍ</v>
          </cell>
          <cell r="H46">
            <v>600</v>
          </cell>
          <cell r="J46" t="str">
            <v>施工　第0-0043号内訳表</v>
          </cell>
        </row>
        <row r="47">
          <cell r="B47">
            <v>44</v>
          </cell>
          <cell r="D47" t="str">
            <v>金網(フェンス)設置</v>
          </cell>
          <cell r="G47" t="str">
            <v>ｍ</v>
          </cell>
          <cell r="H47">
            <v>10000</v>
          </cell>
          <cell r="J47" t="str">
            <v>施工　第0-0044号内訳表</v>
          </cell>
        </row>
        <row r="48">
          <cell r="B48">
            <v>45</v>
          </cell>
          <cell r="D48" t="str">
            <v>基礎ブロック設置</v>
          </cell>
          <cell r="G48" t="str">
            <v>個</v>
          </cell>
          <cell r="H48">
            <v>4200</v>
          </cell>
          <cell r="J48" t="str">
            <v>施工　第0-0045号内訳表</v>
          </cell>
        </row>
        <row r="49">
          <cell r="B49">
            <v>46</v>
          </cell>
          <cell r="D49" t="str">
            <v>金網(フェンス)撤去</v>
          </cell>
          <cell r="G49" t="str">
            <v>ｍ</v>
          </cell>
          <cell r="H49">
            <v>1300</v>
          </cell>
          <cell r="J49" t="str">
            <v>施工　第0-0046号内訳表</v>
          </cell>
        </row>
        <row r="50">
          <cell r="B50">
            <v>47</v>
          </cell>
          <cell r="D50" t="str">
            <v>基礎ブロック撤去</v>
          </cell>
          <cell r="G50" t="str">
            <v>個</v>
          </cell>
          <cell r="H50">
            <v>1200</v>
          </cell>
          <cell r="J50" t="str">
            <v>施工　第0-0047号内訳表</v>
          </cell>
        </row>
        <row r="51">
          <cell r="B51">
            <v>48</v>
          </cell>
          <cell r="D51" t="str">
            <v>プレキャストL型側溝据付</v>
          </cell>
          <cell r="E51" t="str">
            <v>基礎砕石含む</v>
          </cell>
          <cell r="G51" t="str">
            <v>ｍ</v>
          </cell>
          <cell r="H51">
            <v>6700</v>
          </cell>
          <cell r="J51" t="str">
            <v>施工　第0-0048号内訳表</v>
          </cell>
        </row>
        <row r="52">
          <cell r="B52">
            <v>49</v>
          </cell>
          <cell r="H52">
            <v>0</v>
          </cell>
          <cell r="J52" t="str">
            <v>施工　第0-0049号内訳表</v>
          </cell>
        </row>
        <row r="53">
          <cell r="B53">
            <v>50</v>
          </cell>
          <cell r="H53">
            <v>0</v>
          </cell>
          <cell r="J53" t="str">
            <v>施工　第0-0050号内訳表</v>
          </cell>
        </row>
        <row r="54">
          <cell r="B54">
            <v>51</v>
          </cell>
          <cell r="H54">
            <v>0</v>
          </cell>
          <cell r="J54" t="str">
            <v>施工　第0-0051号内訳表</v>
          </cell>
        </row>
        <row r="55">
          <cell r="B55">
            <v>52</v>
          </cell>
          <cell r="H55">
            <v>0</v>
          </cell>
          <cell r="J55" t="str">
            <v>施工　第0-0052号内訳表</v>
          </cell>
        </row>
        <row r="56">
          <cell r="B56">
            <v>53</v>
          </cell>
          <cell r="H56">
            <v>0</v>
          </cell>
          <cell r="J56" t="str">
            <v>施工　第0-0053号内訳表</v>
          </cell>
        </row>
        <row r="57">
          <cell r="B57">
            <v>54</v>
          </cell>
          <cell r="H57">
            <v>0</v>
          </cell>
          <cell r="J57" t="str">
            <v>施工　第0-0054号内訳表</v>
          </cell>
        </row>
        <row r="58">
          <cell r="B58">
            <v>55</v>
          </cell>
          <cell r="H58">
            <v>0</v>
          </cell>
          <cell r="J58" t="str">
            <v>施工　第0-0055号内訳表</v>
          </cell>
        </row>
        <row r="59">
          <cell r="B59">
            <v>56</v>
          </cell>
          <cell r="H59">
            <v>0</v>
          </cell>
          <cell r="J59" t="str">
            <v>施工　第0-0056号内訳表</v>
          </cell>
        </row>
        <row r="60">
          <cell r="B60">
            <v>57</v>
          </cell>
          <cell r="H60">
            <v>0</v>
          </cell>
          <cell r="J60" t="str">
            <v>施工　第0-0057号内訳表</v>
          </cell>
        </row>
        <row r="61">
          <cell r="B61">
            <v>58</v>
          </cell>
          <cell r="H61">
            <v>0</v>
          </cell>
          <cell r="J61" t="str">
            <v>施工　第0-0058号内訳表</v>
          </cell>
        </row>
        <row r="62">
          <cell r="B62">
            <v>59</v>
          </cell>
          <cell r="H62">
            <v>0</v>
          </cell>
          <cell r="J62" t="str">
            <v>施工　第0-0059号内訳表</v>
          </cell>
        </row>
        <row r="63">
          <cell r="B63">
            <v>60</v>
          </cell>
          <cell r="H63">
            <v>0</v>
          </cell>
          <cell r="J63" t="str">
            <v>施工　第0-0060号内訳表</v>
          </cell>
        </row>
        <row r="64">
          <cell r="B64">
            <v>61</v>
          </cell>
          <cell r="H64">
            <v>0</v>
          </cell>
          <cell r="J64" t="str">
            <v>施工　第0-0061号内訳表</v>
          </cell>
        </row>
        <row r="65">
          <cell r="B65">
            <v>62</v>
          </cell>
          <cell r="H65">
            <v>0</v>
          </cell>
          <cell r="J65" t="str">
            <v>施工　第0-0062号内訳表</v>
          </cell>
        </row>
        <row r="66">
          <cell r="B66">
            <v>63</v>
          </cell>
          <cell r="H66">
            <v>0</v>
          </cell>
          <cell r="J66" t="str">
            <v>施工　第0-0063号内訳表</v>
          </cell>
        </row>
        <row r="67">
          <cell r="B67">
            <v>64</v>
          </cell>
          <cell r="H67">
            <v>0</v>
          </cell>
          <cell r="J67" t="str">
            <v>施工　第0-0064号内訳表</v>
          </cell>
        </row>
        <row r="68">
          <cell r="B68">
            <v>65</v>
          </cell>
          <cell r="H68">
            <v>0</v>
          </cell>
          <cell r="J68" t="str">
            <v>施工　第0-0065号内訳表</v>
          </cell>
        </row>
        <row r="69">
          <cell r="B69">
            <v>66</v>
          </cell>
          <cell r="H69">
            <v>0</v>
          </cell>
          <cell r="J69" t="str">
            <v>施工　第0-0066号内訳表</v>
          </cell>
        </row>
        <row r="70">
          <cell r="B70">
            <v>67</v>
          </cell>
          <cell r="H70">
            <v>0</v>
          </cell>
          <cell r="J70" t="str">
            <v>施工　第0-0067号内訳表</v>
          </cell>
        </row>
        <row r="71">
          <cell r="B71">
            <v>68</v>
          </cell>
          <cell r="H71">
            <v>0</v>
          </cell>
          <cell r="J71" t="str">
            <v>施工　第0-0068号内訳表</v>
          </cell>
        </row>
        <row r="72">
          <cell r="B72">
            <v>69</v>
          </cell>
          <cell r="H72">
            <v>0</v>
          </cell>
          <cell r="J72" t="str">
            <v>施工　第0-0069号内訳表</v>
          </cell>
        </row>
        <row r="73">
          <cell r="B73">
            <v>70</v>
          </cell>
          <cell r="H73">
            <v>0</v>
          </cell>
          <cell r="J73" t="str">
            <v>施工　第0-0070号内訳表</v>
          </cell>
        </row>
        <row r="74">
          <cell r="B74">
            <v>71</v>
          </cell>
          <cell r="H74">
            <v>0</v>
          </cell>
          <cell r="J74" t="str">
            <v>施工　第0-0071号内訳表</v>
          </cell>
        </row>
        <row r="75">
          <cell r="B75">
            <v>72</v>
          </cell>
          <cell r="H75">
            <v>0</v>
          </cell>
          <cell r="J75" t="str">
            <v>施工　第0-0072号内訳表</v>
          </cell>
        </row>
        <row r="76">
          <cell r="B76">
            <v>73</v>
          </cell>
          <cell r="H76">
            <v>0</v>
          </cell>
          <cell r="J76" t="str">
            <v>施工　第0-0073号内訳表</v>
          </cell>
        </row>
        <row r="77">
          <cell r="B77">
            <v>74</v>
          </cell>
          <cell r="H77">
            <v>0</v>
          </cell>
          <cell r="J77" t="str">
            <v>施工　第0-0074号内訳表</v>
          </cell>
        </row>
        <row r="78">
          <cell r="B78">
            <v>75</v>
          </cell>
          <cell r="H78">
            <v>0</v>
          </cell>
          <cell r="J78" t="str">
            <v>施工　第0-0075号内訳表</v>
          </cell>
        </row>
        <row r="79">
          <cell r="B79">
            <v>76</v>
          </cell>
          <cell r="H79">
            <v>0</v>
          </cell>
          <cell r="J79" t="str">
            <v>施工　第0-0076号内訳表</v>
          </cell>
        </row>
        <row r="80">
          <cell r="B80">
            <v>77</v>
          </cell>
          <cell r="H80">
            <v>0</v>
          </cell>
          <cell r="J80" t="str">
            <v>施工　第0-0077号内訳表</v>
          </cell>
        </row>
        <row r="81">
          <cell r="B81">
            <v>78</v>
          </cell>
          <cell r="H81">
            <v>0</v>
          </cell>
          <cell r="J81" t="str">
            <v>施工　第0-0078号内訳表</v>
          </cell>
        </row>
        <row r="82">
          <cell r="B82">
            <v>79</v>
          </cell>
          <cell r="H82">
            <v>0</v>
          </cell>
          <cell r="J82" t="str">
            <v>施工　第0-0079号内訳表</v>
          </cell>
        </row>
        <row r="83">
          <cell r="B83">
            <v>80</v>
          </cell>
          <cell r="H83">
            <v>0</v>
          </cell>
          <cell r="J83" t="str">
            <v>施工　第0-0080号内訳表</v>
          </cell>
        </row>
        <row r="84">
          <cell r="B84">
            <v>81</v>
          </cell>
          <cell r="H84">
            <v>0</v>
          </cell>
          <cell r="J84" t="str">
            <v>施工　第0-0081号内訳表</v>
          </cell>
        </row>
        <row r="85">
          <cell r="B85">
            <v>82</v>
          </cell>
          <cell r="H85">
            <v>0</v>
          </cell>
          <cell r="J85" t="str">
            <v>施工　第0-0082号内訳表</v>
          </cell>
        </row>
        <row r="86">
          <cell r="B86">
            <v>83</v>
          </cell>
          <cell r="H86">
            <v>0</v>
          </cell>
          <cell r="J86" t="str">
            <v>施工　第0-0083号内訳表</v>
          </cell>
        </row>
        <row r="87">
          <cell r="B87">
            <v>84</v>
          </cell>
          <cell r="H87">
            <v>0</v>
          </cell>
          <cell r="J87" t="str">
            <v>施工　第0-0084号内訳表</v>
          </cell>
        </row>
        <row r="88">
          <cell r="B88">
            <v>85</v>
          </cell>
          <cell r="H88">
            <v>0</v>
          </cell>
          <cell r="J88" t="str">
            <v>施工　第0-0085号内訳表</v>
          </cell>
        </row>
        <row r="89">
          <cell r="B89">
            <v>86</v>
          </cell>
          <cell r="H89">
            <v>0</v>
          </cell>
          <cell r="J89" t="str">
            <v>施工　第0-0086号内訳表</v>
          </cell>
        </row>
        <row r="90">
          <cell r="B90">
            <v>87</v>
          </cell>
          <cell r="H90">
            <v>0</v>
          </cell>
          <cell r="J90" t="str">
            <v>施工　第0-0087号内訳表</v>
          </cell>
        </row>
        <row r="91">
          <cell r="B91">
            <v>88</v>
          </cell>
          <cell r="H91">
            <v>0</v>
          </cell>
          <cell r="J91" t="str">
            <v>施工　第0-0088号内訳表</v>
          </cell>
        </row>
        <row r="92">
          <cell r="B92">
            <v>89</v>
          </cell>
          <cell r="H92">
            <v>0</v>
          </cell>
          <cell r="J92" t="str">
            <v>施工　第0-0089号内訳表</v>
          </cell>
        </row>
        <row r="93">
          <cell r="B93">
            <v>90</v>
          </cell>
          <cell r="H93">
            <v>0</v>
          </cell>
          <cell r="J93" t="str">
            <v>施工　第0-0090号内訳表</v>
          </cell>
        </row>
        <row r="94">
          <cell r="B94">
            <v>91</v>
          </cell>
          <cell r="H94">
            <v>0</v>
          </cell>
          <cell r="J94" t="str">
            <v>施工　第0-0091号内訳表</v>
          </cell>
        </row>
        <row r="95">
          <cell r="B95">
            <v>92</v>
          </cell>
          <cell r="H95">
            <v>0</v>
          </cell>
          <cell r="J95" t="str">
            <v>施工　第0-0092号内訳表</v>
          </cell>
        </row>
        <row r="96">
          <cell r="B96">
            <v>93</v>
          </cell>
          <cell r="H96">
            <v>0</v>
          </cell>
          <cell r="J96" t="str">
            <v>施工　第0-0093号内訳表</v>
          </cell>
        </row>
        <row r="97">
          <cell r="B97">
            <v>94</v>
          </cell>
          <cell r="H97">
            <v>0</v>
          </cell>
          <cell r="J97" t="str">
            <v>施工　第0-0094号内訳表</v>
          </cell>
        </row>
        <row r="98">
          <cell r="B98">
            <v>95</v>
          </cell>
          <cell r="H98">
            <v>0</v>
          </cell>
          <cell r="J98" t="str">
            <v>施工　第0-0095号内訳表</v>
          </cell>
        </row>
        <row r="99">
          <cell r="B99">
            <v>96</v>
          </cell>
          <cell r="H99">
            <v>0</v>
          </cell>
          <cell r="J99" t="str">
            <v>施工　第0-0096号内訳表</v>
          </cell>
        </row>
        <row r="100">
          <cell r="B100">
            <v>97</v>
          </cell>
          <cell r="H100">
            <v>0</v>
          </cell>
          <cell r="J100" t="str">
            <v>施工　第0-0097号内訳表</v>
          </cell>
        </row>
        <row r="101">
          <cell r="B101">
            <v>98</v>
          </cell>
          <cell r="H101">
            <v>0</v>
          </cell>
          <cell r="J101" t="str">
            <v>施工　第0-0098号内訳表</v>
          </cell>
        </row>
        <row r="102">
          <cell r="B102">
            <v>99</v>
          </cell>
          <cell r="H102">
            <v>0</v>
          </cell>
          <cell r="J102" t="str">
            <v>施工　第0-0099号内訳表</v>
          </cell>
        </row>
        <row r="103">
          <cell r="B103">
            <v>100</v>
          </cell>
          <cell r="H103">
            <v>0</v>
          </cell>
          <cell r="J103" t="str">
            <v>施工　第0-0100号内訳表</v>
          </cell>
        </row>
        <row r="104">
          <cell r="B104">
            <v>101</v>
          </cell>
          <cell r="D104" t="str">
            <v>鋼矢板圧入工</v>
          </cell>
          <cell r="E104" t="str">
            <v>50&lt;Nmax≦180</v>
          </cell>
          <cell r="F104" t="str">
            <v>Ⅳ型　L=10.0m</v>
          </cell>
          <cell r="G104" t="str">
            <v>枚</v>
          </cell>
          <cell r="H104">
            <v>83000</v>
          </cell>
          <cell r="J104" t="str">
            <v>施工　第0-0101号内訳表</v>
          </cell>
        </row>
        <row r="105">
          <cell r="B105">
            <v>102</v>
          </cell>
          <cell r="D105" t="str">
            <v>鋼矢板引抜き工</v>
          </cell>
          <cell r="F105" t="str">
            <v>Ⅳ型　L=10.0m</v>
          </cell>
          <cell r="G105" t="str">
            <v>枚</v>
          </cell>
          <cell r="H105">
            <v>6700</v>
          </cell>
          <cell r="J105" t="str">
            <v>施工　第0-0102号内訳表</v>
          </cell>
        </row>
        <row r="106">
          <cell r="B106">
            <v>103</v>
          </cell>
          <cell r="D106" t="str">
            <v>機械据付解体</v>
          </cell>
          <cell r="E106" t="str">
            <v>圧入時</v>
          </cell>
          <cell r="F106" t="str">
            <v>50&lt;Nmax≦180</v>
          </cell>
          <cell r="G106" t="str">
            <v>回</v>
          </cell>
          <cell r="H106">
            <v>350000</v>
          </cell>
          <cell r="J106" t="str">
            <v>施工　第0-0103号内訳表</v>
          </cell>
        </row>
        <row r="107">
          <cell r="B107">
            <v>104</v>
          </cell>
          <cell r="D107" t="str">
            <v>機械据付解体</v>
          </cell>
          <cell r="E107" t="str">
            <v>引抜時</v>
          </cell>
          <cell r="G107" t="str">
            <v>回</v>
          </cell>
          <cell r="H107">
            <v>42000</v>
          </cell>
          <cell r="J107" t="str">
            <v>施工　第0-0104号内訳表</v>
          </cell>
        </row>
        <row r="108">
          <cell r="B108">
            <v>105</v>
          </cell>
          <cell r="D108" t="str">
            <v>集水桝工</v>
          </cell>
          <cell r="G108" t="str">
            <v>箇所</v>
          </cell>
          <cell r="H108">
            <v>40000</v>
          </cell>
          <cell r="J108" t="str">
            <v>施工　第0-0105号内訳表</v>
          </cell>
        </row>
        <row r="109">
          <cell r="B109">
            <v>106</v>
          </cell>
          <cell r="D109" t="str">
            <v>鋼矢板圧入工</v>
          </cell>
          <cell r="E109" t="str">
            <v>50&lt;Nmax≦180</v>
          </cell>
          <cell r="F109" t="str">
            <v>Ⅳ型　L=14.0m</v>
          </cell>
          <cell r="G109" t="str">
            <v>枚</v>
          </cell>
          <cell r="H109">
            <v>104000</v>
          </cell>
          <cell r="J109" t="str">
            <v>施工　第0-0106号内訳表</v>
          </cell>
        </row>
        <row r="110">
          <cell r="B110">
            <v>107</v>
          </cell>
          <cell r="D110" t="str">
            <v>鋼矢板引抜き工</v>
          </cell>
          <cell r="F110" t="str">
            <v>Ⅳ型　L=14.0m</v>
          </cell>
          <cell r="G110" t="str">
            <v>枚</v>
          </cell>
          <cell r="H110">
            <v>7800</v>
          </cell>
          <cell r="J110" t="str">
            <v>施工　第0-0107号内訳表</v>
          </cell>
        </row>
        <row r="111">
          <cell r="B111">
            <v>108</v>
          </cell>
          <cell r="D111" t="str">
            <v>切梁・腹起し設置工</v>
          </cell>
          <cell r="G111" t="str">
            <v>t</v>
          </cell>
          <cell r="H111">
            <v>24000</v>
          </cell>
          <cell r="J111" t="str">
            <v>施工　第0-0108号内訳表</v>
          </cell>
        </row>
        <row r="112">
          <cell r="B112">
            <v>109</v>
          </cell>
          <cell r="D112" t="str">
            <v>切梁・腹起し撤去工</v>
          </cell>
          <cell r="G112" t="str">
            <v>t</v>
          </cell>
          <cell r="H112">
            <v>15000</v>
          </cell>
          <cell r="J112" t="str">
            <v>施工　第0-0109号内訳表</v>
          </cell>
        </row>
        <row r="113">
          <cell r="B113">
            <v>110</v>
          </cell>
          <cell r="D113" t="str">
            <v>鉄筋工</v>
          </cell>
          <cell r="E113" t="str">
            <v>D22</v>
          </cell>
          <cell r="F113" t="str">
            <v>SD345</v>
          </cell>
          <cell r="G113" t="str">
            <v>t</v>
          </cell>
          <cell r="H113">
            <v>126000</v>
          </cell>
          <cell r="J113" t="str">
            <v>施工　第0-0110号内訳表</v>
          </cell>
        </row>
        <row r="114">
          <cell r="B114">
            <v>111</v>
          </cell>
          <cell r="D114" t="str">
            <v>養生工</v>
          </cell>
          <cell r="E114" t="str">
            <v>一般養生</v>
          </cell>
          <cell r="G114" t="str">
            <v>m2</v>
          </cell>
          <cell r="H114">
            <v>330</v>
          </cell>
          <cell r="J114" t="str">
            <v>施工　第0-0111号内訳表</v>
          </cell>
        </row>
        <row r="115">
          <cell r="B115">
            <v>112</v>
          </cell>
          <cell r="D115" t="str">
            <v>支保材設置・撤去</v>
          </cell>
          <cell r="E115" t="str">
            <v>くさび結合支保</v>
          </cell>
          <cell r="G115" t="str">
            <v>空m3</v>
          </cell>
          <cell r="H115">
            <v>2500</v>
          </cell>
          <cell r="J115" t="str">
            <v>施工　第0-0112号内訳表</v>
          </cell>
        </row>
        <row r="116">
          <cell r="B116">
            <v>113</v>
          </cell>
          <cell r="H116">
            <v>0</v>
          </cell>
          <cell r="J116" t="str">
            <v>施工　第0-0113号内訳表</v>
          </cell>
        </row>
        <row r="117">
          <cell r="B117">
            <v>114</v>
          </cell>
          <cell r="H117">
            <v>0</v>
          </cell>
          <cell r="J117" t="str">
            <v>施工　第0-0114号内訳表</v>
          </cell>
        </row>
        <row r="118">
          <cell r="B118">
            <v>115</v>
          </cell>
          <cell r="H118">
            <v>0</v>
          </cell>
          <cell r="J118" t="str">
            <v>施工　第0-0115号内訳表</v>
          </cell>
        </row>
        <row r="119">
          <cell r="B119">
            <v>116</v>
          </cell>
          <cell r="H119">
            <v>0</v>
          </cell>
          <cell r="J119" t="str">
            <v>施工　第0-0116号内訳表</v>
          </cell>
        </row>
        <row r="120">
          <cell r="B120">
            <v>117</v>
          </cell>
          <cell r="H120">
            <v>0</v>
          </cell>
          <cell r="J120" t="str">
            <v>施工　第0-0117号内訳表</v>
          </cell>
        </row>
        <row r="121">
          <cell r="B121">
            <v>118</v>
          </cell>
          <cell r="H121">
            <v>0</v>
          </cell>
          <cell r="J121" t="str">
            <v>施工　第0-0118号内訳表</v>
          </cell>
        </row>
        <row r="122">
          <cell r="B122">
            <v>119</v>
          </cell>
          <cell r="H122">
            <v>0</v>
          </cell>
          <cell r="J122" t="str">
            <v>施工　第0-0119号内訳表</v>
          </cell>
        </row>
        <row r="123">
          <cell r="B123">
            <v>120</v>
          </cell>
          <cell r="H123">
            <v>0</v>
          </cell>
          <cell r="J123" t="str">
            <v>施工　第0-0120号内訳表</v>
          </cell>
        </row>
        <row r="124">
          <cell r="B124">
            <v>121</v>
          </cell>
          <cell r="H124">
            <v>0</v>
          </cell>
          <cell r="J124" t="str">
            <v>施工　第0-0121号内訳表</v>
          </cell>
        </row>
        <row r="125">
          <cell r="B125">
            <v>122</v>
          </cell>
          <cell r="H125">
            <v>0</v>
          </cell>
          <cell r="J125" t="str">
            <v>施工　第0-0122号内訳表</v>
          </cell>
        </row>
        <row r="126">
          <cell r="B126">
            <v>123</v>
          </cell>
          <cell r="H126">
            <v>0</v>
          </cell>
          <cell r="J126" t="str">
            <v>施工　第0-0123号内訳表</v>
          </cell>
        </row>
        <row r="127">
          <cell r="B127">
            <v>124</v>
          </cell>
          <cell r="H127">
            <v>0</v>
          </cell>
          <cell r="J127" t="str">
            <v>施工　第0-0124号内訳表</v>
          </cell>
        </row>
        <row r="128">
          <cell r="B128">
            <v>125</v>
          </cell>
          <cell r="H128">
            <v>0</v>
          </cell>
          <cell r="J128" t="str">
            <v>施工　第0-0125号内訳表</v>
          </cell>
        </row>
        <row r="129">
          <cell r="B129">
            <v>126</v>
          </cell>
          <cell r="H129">
            <v>0</v>
          </cell>
          <cell r="J129" t="str">
            <v>施工　第0-0126号内訳表</v>
          </cell>
        </row>
        <row r="130">
          <cell r="B130">
            <v>127</v>
          </cell>
          <cell r="H130">
            <v>0</v>
          </cell>
          <cell r="J130" t="str">
            <v>施工　第0-0127号内訳表</v>
          </cell>
        </row>
        <row r="131">
          <cell r="B131">
            <v>128</v>
          </cell>
          <cell r="H131">
            <v>0</v>
          </cell>
          <cell r="J131" t="str">
            <v>施工　第0-0128号内訳表</v>
          </cell>
        </row>
        <row r="132">
          <cell r="B132">
            <v>129</v>
          </cell>
          <cell r="H132">
            <v>0</v>
          </cell>
          <cell r="J132" t="str">
            <v>施工　第0-0129号内訳表</v>
          </cell>
        </row>
        <row r="133">
          <cell r="B133">
            <v>130</v>
          </cell>
          <cell r="H133">
            <v>0</v>
          </cell>
          <cell r="J133" t="str">
            <v>施工　第0-0130号内訳表</v>
          </cell>
        </row>
        <row r="134">
          <cell r="B134">
            <v>131</v>
          </cell>
          <cell r="H134">
            <v>0</v>
          </cell>
          <cell r="J134" t="str">
            <v>施工　第0-0131号内訳表</v>
          </cell>
        </row>
        <row r="135">
          <cell r="B135">
            <v>132</v>
          </cell>
          <cell r="H135">
            <v>0</v>
          </cell>
          <cell r="J135" t="str">
            <v>施工　第0-0132号内訳表</v>
          </cell>
        </row>
        <row r="136">
          <cell r="B136">
            <v>133</v>
          </cell>
          <cell r="H136">
            <v>0</v>
          </cell>
          <cell r="J136" t="str">
            <v>施工　第0-0133号内訳表</v>
          </cell>
        </row>
        <row r="137">
          <cell r="B137">
            <v>134</v>
          </cell>
          <cell r="H137">
            <v>0</v>
          </cell>
          <cell r="J137" t="str">
            <v>施工　第0-0134号内訳表</v>
          </cell>
        </row>
        <row r="138">
          <cell r="B138">
            <v>135</v>
          </cell>
          <cell r="H138">
            <v>0</v>
          </cell>
          <cell r="J138" t="str">
            <v>施工　第0-0135号内訳表</v>
          </cell>
        </row>
        <row r="139">
          <cell r="B139">
            <v>136</v>
          </cell>
          <cell r="H139">
            <v>0</v>
          </cell>
          <cell r="J139" t="str">
            <v>施工　第0-0136号内訳表</v>
          </cell>
        </row>
        <row r="140">
          <cell r="B140">
            <v>137</v>
          </cell>
          <cell r="H140">
            <v>0</v>
          </cell>
          <cell r="J140" t="str">
            <v>施工　第0-0137号内訳表</v>
          </cell>
        </row>
        <row r="141">
          <cell r="B141">
            <v>138</v>
          </cell>
          <cell r="H141">
            <v>0</v>
          </cell>
          <cell r="J141" t="str">
            <v>施工　第0-0138号内訳表</v>
          </cell>
        </row>
        <row r="142">
          <cell r="B142">
            <v>139</v>
          </cell>
          <cell r="H142">
            <v>0</v>
          </cell>
          <cell r="J142" t="str">
            <v>施工　第0-0139号内訳表</v>
          </cell>
        </row>
        <row r="143">
          <cell r="B143">
            <v>140</v>
          </cell>
          <cell r="H143">
            <v>0</v>
          </cell>
          <cell r="J143" t="str">
            <v>施工　第0-0140号内訳表</v>
          </cell>
        </row>
        <row r="144">
          <cell r="B144">
            <v>141</v>
          </cell>
          <cell r="H144">
            <v>0</v>
          </cell>
          <cell r="J144" t="str">
            <v>施工　第0-0141号内訳表</v>
          </cell>
        </row>
        <row r="145">
          <cell r="B145">
            <v>142</v>
          </cell>
          <cell r="H145">
            <v>0</v>
          </cell>
          <cell r="J145" t="str">
            <v>施工　第0-0142号内訳表</v>
          </cell>
        </row>
        <row r="146">
          <cell r="B146">
            <v>143</v>
          </cell>
          <cell r="H146">
            <v>0</v>
          </cell>
          <cell r="J146" t="str">
            <v>施工　第0-0143号内訳表</v>
          </cell>
        </row>
        <row r="147">
          <cell r="B147">
            <v>144</v>
          </cell>
          <cell r="H147">
            <v>0</v>
          </cell>
          <cell r="J147" t="str">
            <v>施工　第0-0144号内訳表</v>
          </cell>
        </row>
        <row r="148">
          <cell r="B148">
            <v>145</v>
          </cell>
          <cell r="H148">
            <v>0</v>
          </cell>
          <cell r="J148" t="str">
            <v>施工　第0-0145号内訳表</v>
          </cell>
        </row>
        <row r="149">
          <cell r="B149">
            <v>146</v>
          </cell>
          <cell r="H149">
            <v>0</v>
          </cell>
          <cell r="J149" t="str">
            <v>施工　第0-0146号内訳表</v>
          </cell>
        </row>
        <row r="150">
          <cell r="B150">
            <v>147</v>
          </cell>
          <cell r="H150">
            <v>0</v>
          </cell>
          <cell r="J150" t="str">
            <v>施工　第0-0147号内訳表</v>
          </cell>
        </row>
        <row r="151">
          <cell r="B151">
            <v>148</v>
          </cell>
          <cell r="H151">
            <v>0</v>
          </cell>
          <cell r="J151" t="str">
            <v>施工　第0-0148号内訳表</v>
          </cell>
        </row>
        <row r="152">
          <cell r="B152">
            <v>149</v>
          </cell>
          <cell r="H152">
            <v>0</v>
          </cell>
          <cell r="J152" t="str">
            <v>施工　第0-0149号内訳表</v>
          </cell>
        </row>
        <row r="153">
          <cell r="B153">
            <v>150</v>
          </cell>
          <cell r="H153">
            <v>0</v>
          </cell>
          <cell r="J153" t="str">
            <v>施工　第0-0150号内訳表</v>
          </cell>
        </row>
        <row r="154">
          <cell r="B154">
            <v>151</v>
          </cell>
          <cell r="H154">
            <v>0</v>
          </cell>
          <cell r="J154" t="str">
            <v>施工　第0-0151号内訳表</v>
          </cell>
        </row>
        <row r="155">
          <cell r="B155">
            <v>152</v>
          </cell>
          <cell r="H155">
            <v>0</v>
          </cell>
          <cell r="J155" t="str">
            <v>施工　第0-0152号内訳表</v>
          </cell>
        </row>
        <row r="156">
          <cell r="B156">
            <v>153</v>
          </cell>
          <cell r="H156">
            <v>0</v>
          </cell>
          <cell r="J156" t="str">
            <v>施工　第0-0153号内訳表</v>
          </cell>
        </row>
        <row r="157">
          <cell r="B157">
            <v>154</v>
          </cell>
          <cell r="H157">
            <v>0</v>
          </cell>
          <cell r="J157" t="str">
            <v>施工　第0-0154号内訳表</v>
          </cell>
        </row>
        <row r="158">
          <cell r="B158">
            <v>155</v>
          </cell>
          <cell r="H158">
            <v>0</v>
          </cell>
          <cell r="J158" t="str">
            <v>施工　第0-0155号内訳表</v>
          </cell>
        </row>
        <row r="159">
          <cell r="B159">
            <v>156</v>
          </cell>
          <cell r="H159">
            <v>0</v>
          </cell>
          <cell r="J159" t="str">
            <v>施工　第0-0156号内訳表</v>
          </cell>
        </row>
        <row r="160">
          <cell r="B160">
            <v>157</v>
          </cell>
          <cell r="H160">
            <v>0</v>
          </cell>
          <cell r="J160" t="str">
            <v>施工　第0-0157号内訳表</v>
          </cell>
        </row>
        <row r="161">
          <cell r="B161">
            <v>158</v>
          </cell>
          <cell r="H161">
            <v>0</v>
          </cell>
          <cell r="J161" t="str">
            <v>施工　第0-0158号内訳表</v>
          </cell>
        </row>
        <row r="162">
          <cell r="B162">
            <v>159</v>
          </cell>
          <cell r="H162">
            <v>0</v>
          </cell>
          <cell r="J162" t="str">
            <v>施工　第0-0159号内訳表</v>
          </cell>
        </row>
        <row r="163">
          <cell r="B163">
            <v>160</v>
          </cell>
          <cell r="H163">
            <v>0</v>
          </cell>
          <cell r="J163" t="str">
            <v>施工　第0-0160号内訳表</v>
          </cell>
        </row>
        <row r="164">
          <cell r="B164">
            <v>161</v>
          </cell>
          <cell r="H164">
            <v>0</v>
          </cell>
          <cell r="J164" t="str">
            <v>施工　第0-0161号内訳表</v>
          </cell>
        </row>
        <row r="165">
          <cell r="B165">
            <v>162</v>
          </cell>
          <cell r="H165">
            <v>0</v>
          </cell>
          <cell r="J165" t="str">
            <v>施工　第0-0162号内訳表</v>
          </cell>
        </row>
        <row r="166">
          <cell r="B166">
            <v>163</v>
          </cell>
          <cell r="H166">
            <v>0</v>
          </cell>
          <cell r="J166" t="str">
            <v>施工　第0-0163号内訳表</v>
          </cell>
        </row>
        <row r="167">
          <cell r="B167">
            <v>164</v>
          </cell>
          <cell r="H167">
            <v>0</v>
          </cell>
          <cell r="J167" t="str">
            <v>施工　第0-0164号内訳表</v>
          </cell>
        </row>
        <row r="168">
          <cell r="B168">
            <v>165</v>
          </cell>
          <cell r="H168">
            <v>0</v>
          </cell>
          <cell r="J168" t="str">
            <v>施工　第0-0165号内訳表</v>
          </cell>
        </row>
        <row r="169">
          <cell r="B169">
            <v>166</v>
          </cell>
          <cell r="H169">
            <v>0</v>
          </cell>
          <cell r="J169" t="str">
            <v>施工　第0-0166号内訳表</v>
          </cell>
        </row>
        <row r="170">
          <cell r="B170">
            <v>167</v>
          </cell>
          <cell r="H170">
            <v>0</v>
          </cell>
          <cell r="J170" t="str">
            <v>施工　第0-0167号内訳表</v>
          </cell>
        </row>
        <row r="171">
          <cell r="B171">
            <v>168</v>
          </cell>
          <cell r="H171">
            <v>0</v>
          </cell>
          <cell r="J171" t="str">
            <v>施工　第0-0168号内訳表</v>
          </cell>
        </row>
        <row r="172">
          <cell r="B172">
            <v>169</v>
          </cell>
          <cell r="H172">
            <v>0</v>
          </cell>
          <cell r="J172" t="str">
            <v>施工　第0-0169号内訳表</v>
          </cell>
        </row>
        <row r="173">
          <cell r="B173">
            <v>170</v>
          </cell>
          <cell r="H173">
            <v>0</v>
          </cell>
          <cell r="J173" t="str">
            <v>施工　第0-0170号内訳表</v>
          </cell>
        </row>
        <row r="174">
          <cell r="B174">
            <v>171</v>
          </cell>
          <cell r="H174">
            <v>0</v>
          </cell>
          <cell r="J174" t="str">
            <v>施工　第0-0171号内訳表</v>
          </cell>
        </row>
        <row r="175">
          <cell r="B175">
            <v>172</v>
          </cell>
          <cell r="H175">
            <v>0</v>
          </cell>
          <cell r="J175" t="str">
            <v>施工　第0-0172号内訳表</v>
          </cell>
        </row>
        <row r="176">
          <cell r="B176">
            <v>173</v>
          </cell>
          <cell r="H176">
            <v>0</v>
          </cell>
          <cell r="J176" t="str">
            <v>施工　第0-0173号内訳表</v>
          </cell>
        </row>
        <row r="177">
          <cell r="B177">
            <v>174</v>
          </cell>
          <cell r="H177">
            <v>0</v>
          </cell>
          <cell r="J177" t="str">
            <v>施工　第0-0174号内訳表</v>
          </cell>
        </row>
        <row r="178">
          <cell r="B178">
            <v>175</v>
          </cell>
          <cell r="H178">
            <v>0</v>
          </cell>
          <cell r="J178" t="str">
            <v>施工　第0-0175号内訳表</v>
          </cell>
        </row>
        <row r="179">
          <cell r="B179">
            <v>176</v>
          </cell>
          <cell r="H179">
            <v>0</v>
          </cell>
          <cell r="J179" t="str">
            <v>施工　第0-0176号内訳表</v>
          </cell>
        </row>
        <row r="180">
          <cell r="B180">
            <v>177</v>
          </cell>
          <cell r="H180">
            <v>0</v>
          </cell>
          <cell r="J180" t="str">
            <v>施工　第0-0177号内訳表</v>
          </cell>
        </row>
        <row r="181">
          <cell r="B181">
            <v>178</v>
          </cell>
          <cell r="H181">
            <v>0</v>
          </cell>
          <cell r="J181" t="str">
            <v>施工　第0-0178号内訳表</v>
          </cell>
        </row>
        <row r="182">
          <cell r="B182">
            <v>179</v>
          </cell>
          <cell r="H182">
            <v>0</v>
          </cell>
          <cell r="J182" t="str">
            <v>施工　第0-0179号内訳表</v>
          </cell>
        </row>
        <row r="183">
          <cell r="B183">
            <v>180</v>
          </cell>
          <cell r="H183">
            <v>0</v>
          </cell>
          <cell r="J183" t="str">
            <v>施工　第0-0180号内訳表</v>
          </cell>
        </row>
        <row r="184">
          <cell r="B184">
            <v>181</v>
          </cell>
          <cell r="H184">
            <v>0</v>
          </cell>
          <cell r="J184" t="str">
            <v>施工　第0-0181号内訳表</v>
          </cell>
        </row>
        <row r="185">
          <cell r="B185">
            <v>182</v>
          </cell>
          <cell r="H185">
            <v>0</v>
          </cell>
          <cell r="J185" t="str">
            <v>施工　第0-0182号内訳表</v>
          </cell>
        </row>
        <row r="186">
          <cell r="B186">
            <v>183</v>
          </cell>
          <cell r="H186">
            <v>0</v>
          </cell>
          <cell r="J186" t="str">
            <v>施工　第0-0183号内訳表</v>
          </cell>
        </row>
        <row r="187">
          <cell r="B187">
            <v>184</v>
          </cell>
          <cell r="H187">
            <v>0</v>
          </cell>
          <cell r="J187" t="str">
            <v>施工　第0-0184号内訳表</v>
          </cell>
        </row>
        <row r="188">
          <cell r="B188">
            <v>185</v>
          </cell>
          <cell r="H188">
            <v>0</v>
          </cell>
          <cell r="J188" t="str">
            <v>施工　第0-0185号内訳表</v>
          </cell>
        </row>
        <row r="189">
          <cell r="B189">
            <v>186</v>
          </cell>
          <cell r="H189">
            <v>0</v>
          </cell>
          <cell r="J189" t="str">
            <v>施工　第0-0186号内訳表</v>
          </cell>
        </row>
        <row r="190">
          <cell r="B190">
            <v>187</v>
          </cell>
          <cell r="H190">
            <v>0</v>
          </cell>
          <cell r="J190" t="str">
            <v>施工　第0-0187号内訳表</v>
          </cell>
        </row>
        <row r="191">
          <cell r="B191">
            <v>188</v>
          </cell>
          <cell r="H191">
            <v>0</v>
          </cell>
          <cell r="J191" t="str">
            <v>施工　第0-0188号内訳表</v>
          </cell>
        </row>
        <row r="192">
          <cell r="B192">
            <v>189</v>
          </cell>
          <cell r="H192">
            <v>0</v>
          </cell>
          <cell r="J192" t="str">
            <v>施工　第0-0189号内訳表</v>
          </cell>
        </row>
        <row r="193">
          <cell r="B193">
            <v>190</v>
          </cell>
          <cell r="H193">
            <v>0</v>
          </cell>
          <cell r="J193" t="str">
            <v>施工　第0-0190号内訳表</v>
          </cell>
        </row>
        <row r="194">
          <cell r="B194">
            <v>191</v>
          </cell>
          <cell r="H194">
            <v>0</v>
          </cell>
          <cell r="J194" t="str">
            <v>施工　第0-0191号内訳表</v>
          </cell>
        </row>
        <row r="195">
          <cell r="B195">
            <v>192</v>
          </cell>
          <cell r="H195">
            <v>0</v>
          </cell>
          <cell r="J195" t="str">
            <v>施工　第0-0192号内訳表</v>
          </cell>
        </row>
        <row r="196">
          <cell r="B196">
            <v>193</v>
          </cell>
          <cell r="H196">
            <v>0</v>
          </cell>
          <cell r="J196" t="str">
            <v>施工　第0-0193号内訳表</v>
          </cell>
        </row>
        <row r="197">
          <cell r="B197">
            <v>194</v>
          </cell>
          <cell r="H197">
            <v>0</v>
          </cell>
          <cell r="J197" t="str">
            <v>施工　第0-0194号内訳表</v>
          </cell>
        </row>
        <row r="198">
          <cell r="B198">
            <v>195</v>
          </cell>
          <cell r="H198">
            <v>0</v>
          </cell>
          <cell r="J198" t="str">
            <v>施工　第0-0195号内訳表</v>
          </cell>
        </row>
        <row r="199">
          <cell r="B199">
            <v>196</v>
          </cell>
          <cell r="H199">
            <v>0</v>
          </cell>
          <cell r="J199" t="str">
            <v>施工　第0-0196号内訳表</v>
          </cell>
        </row>
        <row r="200">
          <cell r="B200">
            <v>197</v>
          </cell>
          <cell r="H200">
            <v>0</v>
          </cell>
          <cell r="J200" t="str">
            <v>施工　第0-0197号内訳表</v>
          </cell>
        </row>
        <row r="201">
          <cell r="B201">
            <v>198</v>
          </cell>
          <cell r="H201">
            <v>0</v>
          </cell>
          <cell r="J201" t="str">
            <v>施工　第0-0198号内訳表</v>
          </cell>
        </row>
        <row r="202">
          <cell r="B202">
            <v>199</v>
          </cell>
          <cell r="H202">
            <v>0</v>
          </cell>
          <cell r="J202" t="str">
            <v>施工　第0-0199号内訳表</v>
          </cell>
        </row>
        <row r="203">
          <cell r="B203">
            <v>200</v>
          </cell>
          <cell r="H203">
            <v>0</v>
          </cell>
          <cell r="J203" t="str">
            <v>施工　第0-0200号内訳表</v>
          </cell>
        </row>
        <row r="204">
          <cell r="B204">
            <v>201</v>
          </cell>
          <cell r="D204" t="str">
            <v>塩ビ管布設工</v>
          </cell>
          <cell r="E204" t="str">
            <v>φ75</v>
          </cell>
          <cell r="G204" t="str">
            <v>m</v>
          </cell>
          <cell r="H204">
            <v>360</v>
          </cell>
          <cell r="J204" t="str">
            <v>施工　第0-0201号内訳表</v>
          </cell>
        </row>
        <row r="205">
          <cell r="B205">
            <v>202</v>
          </cell>
          <cell r="D205" t="str">
            <v>塩ビ管継手工</v>
          </cell>
          <cell r="E205" t="str">
            <v>φ75</v>
          </cell>
          <cell r="G205" t="str">
            <v>口</v>
          </cell>
          <cell r="H205">
            <v>1100</v>
          </cell>
          <cell r="J205" t="str">
            <v>施工　第0-0202号内訳表</v>
          </cell>
        </row>
        <row r="206">
          <cell r="B206">
            <v>203</v>
          </cell>
          <cell r="D206" t="str">
            <v>塩ビ管布設工</v>
          </cell>
          <cell r="E206" t="str">
            <v>φ100</v>
          </cell>
          <cell r="G206" t="str">
            <v>m</v>
          </cell>
          <cell r="H206">
            <v>420</v>
          </cell>
          <cell r="J206" t="str">
            <v>施工　第0-0203号内訳表</v>
          </cell>
        </row>
        <row r="207">
          <cell r="B207">
            <v>204</v>
          </cell>
          <cell r="D207" t="str">
            <v>塩ビ管継手工</v>
          </cell>
          <cell r="E207" t="str">
            <v>φ100</v>
          </cell>
          <cell r="G207" t="str">
            <v>口</v>
          </cell>
          <cell r="H207">
            <v>1600</v>
          </cell>
          <cell r="J207" t="str">
            <v>施工　第0-0204号内訳表</v>
          </cell>
        </row>
        <row r="208">
          <cell r="B208">
            <v>205</v>
          </cell>
          <cell r="D208" t="str">
            <v>遠心力鉄筋コンクリート管布設工</v>
          </cell>
          <cell r="E208" t="str">
            <v>φ350</v>
          </cell>
          <cell r="G208" t="str">
            <v>m</v>
          </cell>
          <cell r="H208">
            <v>3200</v>
          </cell>
          <cell r="J208" t="str">
            <v>施工　第0-0205号内訳表</v>
          </cell>
        </row>
        <row r="209">
          <cell r="B209">
            <v>206</v>
          </cell>
          <cell r="D209" t="str">
            <v>カラー継手工</v>
          </cell>
          <cell r="E209" t="str">
            <v>φ350</v>
          </cell>
          <cell r="G209" t="str">
            <v>口</v>
          </cell>
          <cell r="H209">
            <v>2400</v>
          </cell>
          <cell r="J209" t="str">
            <v>施工　第0-0206号内訳表</v>
          </cell>
        </row>
        <row r="210">
          <cell r="B210">
            <v>207</v>
          </cell>
          <cell r="D210" t="str">
            <v>鋳鉄管据付工</v>
          </cell>
          <cell r="E210" t="str">
            <v>φ1000</v>
          </cell>
          <cell r="F210" t="str">
            <v>機械力</v>
          </cell>
          <cell r="G210" t="str">
            <v>m</v>
          </cell>
          <cell r="H210">
            <v>5200</v>
          </cell>
          <cell r="J210" t="str">
            <v>施工　第0-0207号内訳表</v>
          </cell>
        </row>
        <row r="211">
          <cell r="B211">
            <v>208</v>
          </cell>
          <cell r="D211" t="str">
            <v>鋳鉄管据付工</v>
          </cell>
          <cell r="E211" t="str">
            <v>φ800</v>
          </cell>
          <cell r="F211" t="str">
            <v>機械力</v>
          </cell>
          <cell r="G211" t="str">
            <v>m</v>
          </cell>
          <cell r="H211">
            <v>3500</v>
          </cell>
          <cell r="J211" t="str">
            <v>施工　第0-0208号内訳表</v>
          </cell>
        </row>
        <row r="212">
          <cell r="B212">
            <v>209</v>
          </cell>
          <cell r="D212" t="str">
            <v>鋳鉄管据付工</v>
          </cell>
          <cell r="E212" t="str">
            <v>φ600</v>
          </cell>
          <cell r="F212" t="str">
            <v>機械力</v>
          </cell>
          <cell r="G212" t="str">
            <v>m</v>
          </cell>
          <cell r="H212">
            <v>2700</v>
          </cell>
          <cell r="J212" t="str">
            <v>施工　第0-0209号内訳表</v>
          </cell>
        </row>
        <row r="213">
          <cell r="B213">
            <v>210</v>
          </cell>
          <cell r="D213" t="str">
            <v>鋳鉄管据付工</v>
          </cell>
          <cell r="E213" t="str">
            <v>φ400</v>
          </cell>
          <cell r="F213" t="str">
            <v>機械力</v>
          </cell>
          <cell r="G213" t="str">
            <v>m</v>
          </cell>
          <cell r="H213">
            <v>1900</v>
          </cell>
          <cell r="J213" t="str">
            <v>施工　第0-0210号内訳表</v>
          </cell>
        </row>
        <row r="214">
          <cell r="B214">
            <v>211</v>
          </cell>
          <cell r="D214" t="str">
            <v>鋳鉄管据付工</v>
          </cell>
          <cell r="E214" t="str">
            <v>φ200</v>
          </cell>
          <cell r="F214" t="str">
            <v>機械力</v>
          </cell>
          <cell r="G214" t="str">
            <v>m</v>
          </cell>
          <cell r="H214">
            <v>1300</v>
          </cell>
          <cell r="J214" t="str">
            <v>施工　第0-0211号内訳表</v>
          </cell>
        </row>
        <row r="215">
          <cell r="B215">
            <v>212</v>
          </cell>
          <cell r="D215" t="str">
            <v>NS継手工</v>
          </cell>
          <cell r="E215" t="str">
            <v>φ1000</v>
          </cell>
          <cell r="F215" t="str">
            <v>ライナ含</v>
          </cell>
          <cell r="G215" t="str">
            <v>口</v>
          </cell>
          <cell r="H215">
            <v>13000</v>
          </cell>
          <cell r="J215" t="str">
            <v>施工　第0-0212号内訳表</v>
          </cell>
        </row>
        <row r="216">
          <cell r="B216">
            <v>213</v>
          </cell>
          <cell r="D216" t="str">
            <v>NS継手工</v>
          </cell>
          <cell r="E216" t="str">
            <v>φ1000</v>
          </cell>
          <cell r="F216" t="str">
            <v>ライナ無</v>
          </cell>
          <cell r="G216" t="str">
            <v>口</v>
          </cell>
          <cell r="H216">
            <v>10000</v>
          </cell>
          <cell r="J216" t="str">
            <v>施工　第0-0213号内訳表</v>
          </cell>
        </row>
        <row r="217">
          <cell r="B217">
            <v>214</v>
          </cell>
          <cell r="D217" t="str">
            <v>NS継手工</v>
          </cell>
          <cell r="E217" t="str">
            <v>φ800</v>
          </cell>
          <cell r="F217" t="str">
            <v>ライナ含</v>
          </cell>
          <cell r="G217" t="str">
            <v>口</v>
          </cell>
          <cell r="H217">
            <v>9300</v>
          </cell>
          <cell r="J217" t="str">
            <v>施工　第0-0214号内訳表</v>
          </cell>
        </row>
        <row r="218">
          <cell r="B218">
            <v>215</v>
          </cell>
          <cell r="D218" t="str">
            <v>NS継手工</v>
          </cell>
          <cell r="E218" t="str">
            <v>φ800</v>
          </cell>
          <cell r="F218" t="str">
            <v>ライナ無</v>
          </cell>
          <cell r="G218" t="str">
            <v>口</v>
          </cell>
          <cell r="H218">
            <v>7800</v>
          </cell>
          <cell r="J218" t="str">
            <v>施工　第0-0215号内訳表</v>
          </cell>
        </row>
        <row r="219">
          <cell r="B219">
            <v>216</v>
          </cell>
          <cell r="D219" t="str">
            <v>NS継手工</v>
          </cell>
          <cell r="E219" t="str">
            <v>φ600</v>
          </cell>
          <cell r="F219" t="str">
            <v>ライナ含</v>
          </cell>
          <cell r="G219" t="str">
            <v>口</v>
          </cell>
          <cell r="H219">
            <v>6100</v>
          </cell>
          <cell r="J219" t="str">
            <v>施工　第0-0216号内訳表</v>
          </cell>
        </row>
        <row r="220">
          <cell r="B220">
            <v>217</v>
          </cell>
          <cell r="D220" t="str">
            <v>NS継手工</v>
          </cell>
          <cell r="E220" t="str">
            <v>φ600</v>
          </cell>
          <cell r="F220" t="str">
            <v>ライナ無</v>
          </cell>
          <cell r="G220" t="str">
            <v>口</v>
          </cell>
          <cell r="H220">
            <v>5100</v>
          </cell>
          <cell r="J220" t="str">
            <v>施工　第0-0217号内訳表</v>
          </cell>
        </row>
        <row r="221">
          <cell r="B221">
            <v>218</v>
          </cell>
          <cell r="D221" t="str">
            <v>NS継手工</v>
          </cell>
          <cell r="E221" t="str">
            <v>φ400</v>
          </cell>
          <cell r="F221" t="str">
            <v>直管部</v>
          </cell>
          <cell r="G221" t="str">
            <v>口</v>
          </cell>
          <cell r="H221">
            <v>3800</v>
          </cell>
          <cell r="J221" t="str">
            <v>施工　第0-0218号内訳表</v>
          </cell>
        </row>
        <row r="222">
          <cell r="B222">
            <v>219</v>
          </cell>
          <cell r="D222" t="str">
            <v>NS継手工</v>
          </cell>
          <cell r="E222" t="str">
            <v>φ400</v>
          </cell>
          <cell r="F222" t="str">
            <v>異形管部</v>
          </cell>
          <cell r="G222" t="str">
            <v>口</v>
          </cell>
          <cell r="H222">
            <v>3400</v>
          </cell>
          <cell r="J222" t="str">
            <v>施工　第0-0219号内訳表</v>
          </cell>
        </row>
        <row r="223">
          <cell r="B223">
            <v>220</v>
          </cell>
          <cell r="D223" t="str">
            <v>GX継手工</v>
          </cell>
          <cell r="E223" t="str">
            <v>φ200</v>
          </cell>
          <cell r="F223" t="str">
            <v>直管部</v>
          </cell>
          <cell r="G223" t="str">
            <v>口</v>
          </cell>
          <cell r="H223">
            <v>2000</v>
          </cell>
          <cell r="J223" t="str">
            <v>施工　第0-0220号内訳表</v>
          </cell>
        </row>
        <row r="224">
          <cell r="B224">
            <v>221</v>
          </cell>
          <cell r="D224" t="str">
            <v>GX継手工</v>
          </cell>
          <cell r="E224" t="str">
            <v>φ200</v>
          </cell>
          <cell r="F224" t="str">
            <v>直管部 P-Link有</v>
          </cell>
          <cell r="G224" t="str">
            <v>口</v>
          </cell>
          <cell r="H224">
            <v>2600</v>
          </cell>
          <cell r="J224" t="str">
            <v>施工　第0-0221号内訳表</v>
          </cell>
        </row>
        <row r="225">
          <cell r="B225">
            <v>222</v>
          </cell>
          <cell r="D225" t="str">
            <v>GX継手工</v>
          </cell>
          <cell r="E225" t="str">
            <v>φ200</v>
          </cell>
          <cell r="F225" t="str">
            <v>異形管部</v>
          </cell>
          <cell r="G225" t="str">
            <v>口</v>
          </cell>
          <cell r="H225">
            <v>2400</v>
          </cell>
          <cell r="J225" t="str">
            <v>施工　第0-0222号内訳表</v>
          </cell>
        </row>
        <row r="226">
          <cell r="B226">
            <v>223</v>
          </cell>
          <cell r="D226" t="str">
            <v>GX継手工</v>
          </cell>
          <cell r="E226" t="str">
            <v>φ200</v>
          </cell>
          <cell r="F226" t="str">
            <v>異形管部 G-Link有</v>
          </cell>
          <cell r="G226" t="str">
            <v>口</v>
          </cell>
          <cell r="H226">
            <v>3100</v>
          </cell>
          <cell r="J226" t="str">
            <v>施工　第0-0223号内訳表</v>
          </cell>
        </row>
        <row r="227">
          <cell r="B227">
            <v>224</v>
          </cell>
          <cell r="D227" t="str">
            <v>フランジ継手工</v>
          </cell>
          <cell r="E227" t="str">
            <v>φ1000</v>
          </cell>
          <cell r="F227" t="str">
            <v>7.5k</v>
          </cell>
          <cell r="G227" t="str">
            <v>口</v>
          </cell>
          <cell r="H227">
            <v>12000</v>
          </cell>
          <cell r="J227" t="str">
            <v>施工　第0-0224号内訳表</v>
          </cell>
        </row>
        <row r="228">
          <cell r="B228">
            <v>225</v>
          </cell>
          <cell r="D228" t="str">
            <v>フランジ継手工</v>
          </cell>
          <cell r="E228" t="str">
            <v>φ800</v>
          </cell>
          <cell r="F228" t="str">
            <v>7.5k</v>
          </cell>
          <cell r="G228" t="str">
            <v>口</v>
          </cell>
          <cell r="H228">
            <v>8100</v>
          </cell>
          <cell r="J228" t="str">
            <v>施工　第0-0225号内訳表</v>
          </cell>
        </row>
        <row r="229">
          <cell r="B229">
            <v>226</v>
          </cell>
          <cell r="D229" t="str">
            <v>フランジ継手工</v>
          </cell>
          <cell r="E229" t="str">
            <v>φ600</v>
          </cell>
          <cell r="F229" t="str">
            <v>7.5k</v>
          </cell>
          <cell r="G229" t="str">
            <v>口</v>
          </cell>
          <cell r="H229">
            <v>5800</v>
          </cell>
          <cell r="J229" t="str">
            <v>施工　第0-0226号内訳表</v>
          </cell>
        </row>
        <row r="230">
          <cell r="B230">
            <v>227</v>
          </cell>
          <cell r="D230" t="str">
            <v>フランジ継手工</v>
          </cell>
          <cell r="E230" t="str">
            <v>φ400</v>
          </cell>
          <cell r="F230" t="str">
            <v>7.5k</v>
          </cell>
          <cell r="G230" t="str">
            <v>口</v>
          </cell>
          <cell r="H230">
            <v>4100</v>
          </cell>
          <cell r="J230" t="str">
            <v>施工　第0-0227号内訳表</v>
          </cell>
        </row>
        <row r="231">
          <cell r="B231">
            <v>228</v>
          </cell>
          <cell r="D231" t="str">
            <v>フランジ継手工</v>
          </cell>
          <cell r="E231" t="str">
            <v>φ200</v>
          </cell>
          <cell r="F231" t="str">
            <v>7.5k</v>
          </cell>
          <cell r="G231" t="str">
            <v>口</v>
          </cell>
          <cell r="H231">
            <v>2700</v>
          </cell>
          <cell r="J231" t="str">
            <v>施工　第0-0228号内訳表</v>
          </cell>
        </row>
        <row r="232">
          <cell r="B232">
            <v>229</v>
          </cell>
          <cell r="D232" t="str">
            <v>鋳鉄管切断・溝切</v>
          </cell>
          <cell r="E232" t="str">
            <v>φ1000</v>
          </cell>
          <cell r="F232" t="str">
            <v>NS形　2工程</v>
          </cell>
          <cell r="G232" t="str">
            <v>口</v>
          </cell>
          <cell r="H232">
            <v>86000</v>
          </cell>
          <cell r="J232" t="str">
            <v>施工　第0-0229号内訳表</v>
          </cell>
        </row>
        <row r="233">
          <cell r="B233">
            <v>230</v>
          </cell>
          <cell r="D233" t="str">
            <v>鋳鉄管切断・溝切</v>
          </cell>
          <cell r="E233" t="str">
            <v>φ800</v>
          </cell>
          <cell r="F233" t="str">
            <v>NS形　2工程</v>
          </cell>
          <cell r="G233" t="str">
            <v>口</v>
          </cell>
          <cell r="H233">
            <v>67000</v>
          </cell>
          <cell r="J233" t="str">
            <v>施工　第0-0230号内訳表</v>
          </cell>
        </row>
        <row r="234">
          <cell r="B234">
            <v>231</v>
          </cell>
          <cell r="D234" t="str">
            <v>鋳鉄管切断・溝切</v>
          </cell>
          <cell r="E234" t="str">
            <v>φ600</v>
          </cell>
          <cell r="F234" t="str">
            <v>NS形　2工程</v>
          </cell>
          <cell r="G234" t="str">
            <v>口</v>
          </cell>
          <cell r="H234">
            <v>49000</v>
          </cell>
          <cell r="J234" t="str">
            <v>施工　第0-0231号内訳表</v>
          </cell>
        </row>
        <row r="235">
          <cell r="B235">
            <v>232</v>
          </cell>
          <cell r="D235" t="str">
            <v>鋳鉄管切断・溝切</v>
          </cell>
          <cell r="E235" t="str">
            <v>φ400</v>
          </cell>
          <cell r="F235" t="str">
            <v>NS形　切断・溝切同時</v>
          </cell>
          <cell r="G235" t="str">
            <v>口</v>
          </cell>
          <cell r="H235">
            <v>26000</v>
          </cell>
          <cell r="J235" t="str">
            <v>施工　第0-0232号内訳表</v>
          </cell>
        </row>
        <row r="236">
          <cell r="B236">
            <v>233</v>
          </cell>
          <cell r="D236" t="str">
            <v>鋳鉄管切断工</v>
          </cell>
          <cell r="E236" t="str">
            <v>φ200</v>
          </cell>
          <cell r="G236" t="str">
            <v>口</v>
          </cell>
          <cell r="H236">
            <v>2500</v>
          </cell>
          <cell r="J236" t="str">
            <v>施工　第0-0233号内訳表</v>
          </cell>
        </row>
        <row r="237">
          <cell r="B237">
            <v>234</v>
          </cell>
          <cell r="D237" t="str">
            <v>鋳鉄管挿口加工</v>
          </cell>
          <cell r="E237" t="str">
            <v>φ1000</v>
          </cell>
          <cell r="F237" t="str">
            <v>NS形　リベット式</v>
          </cell>
          <cell r="G237" t="str">
            <v>口</v>
          </cell>
          <cell r="H237">
            <v>5100</v>
          </cell>
          <cell r="J237" t="str">
            <v>施工　第0-0234号内訳表</v>
          </cell>
        </row>
        <row r="238">
          <cell r="B238">
            <v>235</v>
          </cell>
          <cell r="D238" t="str">
            <v>鋳鉄管挿口加工</v>
          </cell>
          <cell r="E238" t="str">
            <v>φ800</v>
          </cell>
          <cell r="F238" t="str">
            <v>NS形　リベット式</v>
          </cell>
          <cell r="G238" t="str">
            <v>口</v>
          </cell>
          <cell r="H238">
            <v>3200</v>
          </cell>
          <cell r="J238" t="str">
            <v>施工　第0-0235号内訳表</v>
          </cell>
        </row>
        <row r="239">
          <cell r="B239">
            <v>236</v>
          </cell>
          <cell r="D239" t="str">
            <v>鋳鉄管挿口加工</v>
          </cell>
          <cell r="E239" t="str">
            <v>φ600</v>
          </cell>
          <cell r="F239" t="str">
            <v>NS形　リベット式</v>
          </cell>
          <cell r="G239" t="str">
            <v>口</v>
          </cell>
          <cell r="H239">
            <v>2800</v>
          </cell>
          <cell r="J239" t="str">
            <v>施工　第0-0236号内訳表</v>
          </cell>
        </row>
        <row r="240">
          <cell r="B240">
            <v>237</v>
          </cell>
          <cell r="D240" t="str">
            <v>鋳鉄管挿口加工</v>
          </cell>
          <cell r="E240" t="str">
            <v>φ400</v>
          </cell>
          <cell r="F240" t="str">
            <v>NS形　タッピンネジ式</v>
          </cell>
          <cell r="G240" t="str">
            <v>口</v>
          </cell>
          <cell r="H240">
            <v>1800</v>
          </cell>
          <cell r="J240" t="str">
            <v>施工　第0-0237号内訳表</v>
          </cell>
        </row>
        <row r="241">
          <cell r="B241">
            <v>238</v>
          </cell>
          <cell r="D241" t="str">
            <v>バタフライ弁設置工</v>
          </cell>
          <cell r="E241" t="str">
            <v>φ1000</v>
          </cell>
          <cell r="G241" t="str">
            <v>基</v>
          </cell>
          <cell r="H241">
            <v>126000</v>
          </cell>
          <cell r="J241" t="str">
            <v>施工　第0-0238号内訳表</v>
          </cell>
        </row>
        <row r="242">
          <cell r="B242">
            <v>239</v>
          </cell>
          <cell r="D242" t="str">
            <v>バタフライ弁設置工</v>
          </cell>
          <cell r="E242" t="str">
            <v>φ800</v>
          </cell>
          <cell r="G242" t="str">
            <v>基</v>
          </cell>
          <cell r="H242">
            <v>103000</v>
          </cell>
          <cell r="J242" t="str">
            <v>施工　第0-0239号内訳表</v>
          </cell>
        </row>
        <row r="243">
          <cell r="B243">
            <v>240</v>
          </cell>
          <cell r="D243" t="str">
            <v>バタフライ弁設置工</v>
          </cell>
          <cell r="E243" t="str">
            <v>φ600</v>
          </cell>
          <cell r="G243" t="str">
            <v>基</v>
          </cell>
          <cell r="H243">
            <v>77000</v>
          </cell>
          <cell r="J243" t="str">
            <v>施工　第0-0240号内訳表</v>
          </cell>
        </row>
        <row r="244">
          <cell r="B244">
            <v>241</v>
          </cell>
          <cell r="D244" t="str">
            <v>仕切弁設置工</v>
          </cell>
          <cell r="E244" t="str">
            <v>φ400</v>
          </cell>
          <cell r="G244" t="str">
            <v>基</v>
          </cell>
          <cell r="H244">
            <v>35000</v>
          </cell>
          <cell r="J244" t="str">
            <v>施工　第0-0241号内訳表</v>
          </cell>
        </row>
        <row r="245">
          <cell r="B245">
            <v>242</v>
          </cell>
          <cell r="D245" t="str">
            <v>仕切弁設置工</v>
          </cell>
          <cell r="E245" t="str">
            <v>φ200</v>
          </cell>
          <cell r="G245" t="str">
            <v>基</v>
          </cell>
          <cell r="H245">
            <v>5500</v>
          </cell>
          <cell r="J245" t="str">
            <v>施工　第0-0242号内訳表</v>
          </cell>
        </row>
        <row r="246">
          <cell r="B246">
            <v>243</v>
          </cell>
          <cell r="D246" t="str">
            <v>伸縮可撓管設置工</v>
          </cell>
          <cell r="E246" t="str">
            <v>φ1000</v>
          </cell>
          <cell r="F246" t="str">
            <v>NS形 F-U δ＝200mm</v>
          </cell>
          <cell r="G246" t="str">
            <v>基</v>
          </cell>
          <cell r="H246">
            <v>63000</v>
          </cell>
          <cell r="J246" t="str">
            <v>施工　第0-0243号内訳表</v>
          </cell>
        </row>
        <row r="247">
          <cell r="B247">
            <v>244</v>
          </cell>
          <cell r="D247" t="str">
            <v>伸縮可撓管設置工</v>
          </cell>
          <cell r="E247" t="str">
            <v>φ1000</v>
          </cell>
          <cell r="F247" t="str">
            <v>NS形 F-S δ＝200mm</v>
          </cell>
          <cell r="G247" t="str">
            <v>基</v>
          </cell>
          <cell r="H247">
            <v>63000</v>
          </cell>
          <cell r="J247" t="str">
            <v>施工　第0-0244号内訳表</v>
          </cell>
        </row>
        <row r="248">
          <cell r="B248">
            <v>245</v>
          </cell>
          <cell r="D248" t="str">
            <v>伸縮可撓管設置工</v>
          </cell>
          <cell r="E248" t="str">
            <v>φ800</v>
          </cell>
          <cell r="F248" t="str">
            <v>NS形 F-U δ＝200mm</v>
          </cell>
          <cell r="G248" t="str">
            <v>基</v>
          </cell>
          <cell r="H248">
            <v>42000</v>
          </cell>
          <cell r="J248" t="str">
            <v>施工　第0-0245号内訳表</v>
          </cell>
        </row>
        <row r="249">
          <cell r="B249">
            <v>246</v>
          </cell>
          <cell r="D249" t="str">
            <v>伸縮可撓管設置工</v>
          </cell>
          <cell r="E249" t="str">
            <v>φ600</v>
          </cell>
          <cell r="F249" t="str">
            <v>NS形 F-U δ＝200mm</v>
          </cell>
          <cell r="G249" t="str">
            <v>基</v>
          </cell>
          <cell r="H249">
            <v>27000</v>
          </cell>
          <cell r="J249" t="str">
            <v>施工　第0-0246号内訳表</v>
          </cell>
        </row>
        <row r="250">
          <cell r="B250">
            <v>247</v>
          </cell>
          <cell r="D250" t="str">
            <v>伸縮可撓管設置工</v>
          </cell>
          <cell r="E250" t="str">
            <v>φ400</v>
          </cell>
          <cell r="F250" t="str">
            <v>NS形 F-U δ＝200mm</v>
          </cell>
          <cell r="G250" t="str">
            <v>基</v>
          </cell>
          <cell r="H250">
            <v>19000</v>
          </cell>
          <cell r="J250" t="str">
            <v>施工　第0-0247号内訳表</v>
          </cell>
        </row>
        <row r="251">
          <cell r="B251">
            <v>248</v>
          </cell>
          <cell r="D251" t="str">
            <v>伸縮可撓管設置工</v>
          </cell>
          <cell r="E251" t="str">
            <v>φ200</v>
          </cell>
          <cell r="F251" t="str">
            <v>GX形 F-U δ＝200mm</v>
          </cell>
          <cell r="G251" t="str">
            <v>基</v>
          </cell>
          <cell r="H251">
            <v>11000</v>
          </cell>
          <cell r="J251" t="str">
            <v>施工　第0-0248号内訳表</v>
          </cell>
        </row>
        <row r="252">
          <cell r="B252">
            <v>249</v>
          </cell>
          <cell r="D252" t="str">
            <v>管明示シート工</v>
          </cell>
          <cell r="E252" t="str">
            <v>150mm×50ｍ ダブル</v>
          </cell>
          <cell r="G252" t="str">
            <v>m</v>
          </cell>
          <cell r="H252">
            <v>190</v>
          </cell>
          <cell r="J252" t="str">
            <v>施工　第0-0249号内訳表</v>
          </cell>
          <cell r="L252">
            <v>132</v>
          </cell>
        </row>
        <row r="253">
          <cell r="B253">
            <v>250</v>
          </cell>
          <cell r="D253" t="str">
            <v>管明示テープ工</v>
          </cell>
          <cell r="E253" t="str">
            <v>φ1000×6000</v>
          </cell>
          <cell r="G253" t="str">
            <v>m</v>
          </cell>
          <cell r="H253">
            <v>100</v>
          </cell>
          <cell r="J253" t="str">
            <v>施工　第0-0250号内訳表</v>
          </cell>
          <cell r="L253">
            <v>50</v>
          </cell>
        </row>
        <row r="254">
          <cell r="B254">
            <v>251</v>
          </cell>
          <cell r="D254" t="str">
            <v>管明示テープ工</v>
          </cell>
          <cell r="E254" t="str">
            <v>φ800×6000</v>
          </cell>
          <cell r="G254" t="str">
            <v>m</v>
          </cell>
          <cell r="H254">
            <v>100</v>
          </cell>
          <cell r="J254" t="str">
            <v>施工　第0-0251号内訳表</v>
          </cell>
          <cell r="L254">
            <v>50</v>
          </cell>
        </row>
        <row r="255">
          <cell r="B255">
            <v>252</v>
          </cell>
          <cell r="D255" t="str">
            <v>管明示テープ工</v>
          </cell>
          <cell r="E255" t="str">
            <v>φ600×6000</v>
          </cell>
          <cell r="G255" t="str">
            <v>m</v>
          </cell>
          <cell r="H255">
            <v>80</v>
          </cell>
          <cell r="J255" t="str">
            <v>施工　第0-0252号内訳表</v>
          </cell>
          <cell r="L255">
            <v>50</v>
          </cell>
        </row>
        <row r="256">
          <cell r="B256">
            <v>253</v>
          </cell>
          <cell r="D256" t="str">
            <v>管明示テープ工</v>
          </cell>
          <cell r="E256" t="str">
            <v>φ400×6000</v>
          </cell>
          <cell r="G256" t="str">
            <v>m</v>
          </cell>
          <cell r="H256">
            <v>80</v>
          </cell>
          <cell r="J256" t="str">
            <v>施工　第0-0253号内訳表</v>
          </cell>
          <cell r="L256">
            <v>50</v>
          </cell>
        </row>
        <row r="257">
          <cell r="B257">
            <v>254</v>
          </cell>
          <cell r="D257" t="str">
            <v>管明示テープ工</v>
          </cell>
          <cell r="E257" t="str">
            <v>φ200×5000</v>
          </cell>
          <cell r="G257" t="str">
            <v>m</v>
          </cell>
          <cell r="H257">
            <v>70</v>
          </cell>
          <cell r="J257" t="str">
            <v>施工　第0-0254号内訳表</v>
          </cell>
          <cell r="L257">
            <v>50</v>
          </cell>
        </row>
        <row r="258">
          <cell r="B258">
            <v>255</v>
          </cell>
          <cell r="D258" t="str">
            <v>ポリエチレンスリーブ被覆工</v>
          </cell>
          <cell r="E258" t="str">
            <v>φ1000</v>
          </cell>
          <cell r="G258" t="str">
            <v>m</v>
          </cell>
          <cell r="H258">
            <v>3700</v>
          </cell>
          <cell r="J258" t="str">
            <v>施工　第0-0255号内訳表</v>
          </cell>
          <cell r="L258">
            <v>3152</v>
          </cell>
        </row>
        <row r="259">
          <cell r="B259">
            <v>256</v>
          </cell>
          <cell r="D259" t="str">
            <v>ポリエチレンスリーブ被覆工</v>
          </cell>
          <cell r="E259" t="str">
            <v>φ800</v>
          </cell>
          <cell r="G259" t="str">
            <v>m</v>
          </cell>
          <cell r="H259">
            <v>2600</v>
          </cell>
          <cell r="J259" t="str">
            <v>施工　第0-0256号内訳表</v>
          </cell>
          <cell r="L259">
            <v>2152</v>
          </cell>
        </row>
        <row r="260">
          <cell r="B260">
            <v>257</v>
          </cell>
          <cell r="D260" t="str">
            <v>ポリエチレンスリーブ被覆工</v>
          </cell>
          <cell r="E260" t="str">
            <v>φ600</v>
          </cell>
          <cell r="G260" t="str">
            <v>m</v>
          </cell>
          <cell r="H260">
            <v>1900</v>
          </cell>
          <cell r="J260" t="str">
            <v>施工　第0-0257号内訳表</v>
          </cell>
          <cell r="L260">
            <v>1562</v>
          </cell>
        </row>
        <row r="261">
          <cell r="B261">
            <v>258</v>
          </cell>
          <cell r="D261" t="str">
            <v>ポリエチレンスリーブ被覆工</v>
          </cell>
          <cell r="E261" t="str">
            <v>φ400</v>
          </cell>
          <cell r="G261" t="str">
            <v>m</v>
          </cell>
          <cell r="H261">
            <v>1300</v>
          </cell>
          <cell r="J261" t="str">
            <v>施工　第0-0258号内訳表</v>
          </cell>
          <cell r="L261">
            <v>1008</v>
          </cell>
        </row>
        <row r="262">
          <cell r="B262">
            <v>259</v>
          </cell>
          <cell r="D262" t="str">
            <v>ポリエチレンスリーブ被覆工</v>
          </cell>
          <cell r="E262" t="str">
            <v>φ200</v>
          </cell>
          <cell r="G262" t="str">
            <v>m</v>
          </cell>
          <cell r="H262">
            <v>870</v>
          </cell>
          <cell r="J262" t="str">
            <v>施工　第0-0259号内訳表</v>
          </cell>
          <cell r="L262">
            <v>728</v>
          </cell>
        </row>
        <row r="263">
          <cell r="B263">
            <v>260</v>
          </cell>
          <cell r="D263" t="str">
            <v>鋳鉄管切断工</v>
          </cell>
          <cell r="E263" t="str">
            <v>φ600</v>
          </cell>
          <cell r="G263" t="str">
            <v>口</v>
          </cell>
          <cell r="H263">
            <v>33000</v>
          </cell>
          <cell r="J263" t="str">
            <v>施工　第0-0260号内訳表</v>
          </cell>
        </row>
        <row r="264">
          <cell r="B264">
            <v>261</v>
          </cell>
          <cell r="D264" t="str">
            <v>機械掘削工</v>
          </cell>
          <cell r="E264" t="str">
            <v xml:space="preserve">クローラ型 排出ガス対策型(第1次基準値) </v>
          </cell>
          <cell r="F264" t="str">
            <v>山積0.45m3(平積0.35m3)</v>
          </cell>
          <cell r="G264" t="str">
            <v>m3</v>
          </cell>
          <cell r="H264">
            <v>1300</v>
          </cell>
          <cell r="J264" t="str">
            <v>施工　第0-0261号内訳表</v>
          </cell>
        </row>
        <row r="265">
          <cell r="B265">
            <v>262</v>
          </cell>
          <cell r="D265" t="str">
            <v>人力掘削工</v>
          </cell>
          <cell r="G265" t="str">
            <v>m3</v>
          </cell>
          <cell r="H265">
            <v>7000</v>
          </cell>
          <cell r="J265" t="str">
            <v>施工　第0-0262号内訳表</v>
          </cell>
        </row>
        <row r="266">
          <cell r="B266">
            <v>263</v>
          </cell>
          <cell r="D266" t="str">
            <v>機械埋戻し工</v>
          </cell>
          <cell r="E266" t="str">
            <v xml:space="preserve">クローラ型 排出ガス対策型(第1次基準値) </v>
          </cell>
          <cell r="F266" t="str">
            <v>山積0.45m3(平積0.35m3) 山砂</v>
          </cell>
          <cell r="G266" t="str">
            <v>m3</v>
          </cell>
          <cell r="H266">
            <v>7000</v>
          </cell>
          <cell r="J266" t="str">
            <v>施工　第0-0263号内訳表</v>
          </cell>
        </row>
        <row r="267">
          <cell r="B267">
            <v>264</v>
          </cell>
          <cell r="D267" t="str">
            <v>機械埋戻し工</v>
          </cell>
          <cell r="E267" t="str">
            <v xml:space="preserve">クローラ型 排出ガス対策型(第1次基準値) </v>
          </cell>
          <cell r="F267" t="str">
            <v>山積0.45m3(平積0.35m3) 在来土</v>
          </cell>
          <cell r="G267" t="str">
            <v>m3</v>
          </cell>
          <cell r="H267">
            <v>2200</v>
          </cell>
          <cell r="J267" t="str">
            <v>施工　第0-0264号内訳表</v>
          </cell>
        </row>
        <row r="268">
          <cell r="B268">
            <v>265</v>
          </cell>
          <cell r="D268" t="str">
            <v>軽量鋼矢板設置工</v>
          </cell>
          <cell r="E268" t="str">
            <v>矢板長3.0m以下</v>
          </cell>
          <cell r="G268" t="str">
            <v>m</v>
          </cell>
          <cell r="H268">
            <v>4800</v>
          </cell>
          <cell r="J268" t="str">
            <v>施工　第0-0265号内訳表</v>
          </cell>
        </row>
        <row r="269">
          <cell r="B269">
            <v>266</v>
          </cell>
          <cell r="D269" t="str">
            <v>軽量鋼矢板撤去工</v>
          </cell>
          <cell r="E269" t="str">
            <v>矢板長3.0m以下</v>
          </cell>
          <cell r="G269" t="str">
            <v>m</v>
          </cell>
          <cell r="H269">
            <v>2800</v>
          </cell>
          <cell r="J269" t="str">
            <v>施工　第0-0266号内訳表</v>
          </cell>
        </row>
        <row r="270">
          <cell r="B270">
            <v>267</v>
          </cell>
          <cell r="D270" t="str">
            <v>軽量鋼矢板設置工</v>
          </cell>
          <cell r="E270" t="str">
            <v>矢板長3.5m以下</v>
          </cell>
          <cell r="G270" t="str">
            <v>m</v>
          </cell>
          <cell r="H270">
            <v>5200</v>
          </cell>
          <cell r="J270" t="str">
            <v>施工　第0-0267号内訳表</v>
          </cell>
        </row>
        <row r="271">
          <cell r="B271">
            <v>268</v>
          </cell>
          <cell r="D271" t="str">
            <v>軽量鋼矢板撤去工</v>
          </cell>
          <cell r="E271" t="str">
            <v>矢板長3.5m以下</v>
          </cell>
          <cell r="G271" t="str">
            <v>m</v>
          </cell>
          <cell r="H271">
            <v>3000</v>
          </cell>
          <cell r="J271" t="str">
            <v>施工　第0-0268号内訳表</v>
          </cell>
        </row>
        <row r="272">
          <cell r="B272">
            <v>269</v>
          </cell>
          <cell r="D272" t="str">
            <v>軽量鋼矢板設置工</v>
          </cell>
          <cell r="E272" t="str">
            <v>矢板長4.0m以下</v>
          </cell>
          <cell r="G272" t="str">
            <v>m</v>
          </cell>
          <cell r="H272">
            <v>5600</v>
          </cell>
          <cell r="J272" t="str">
            <v>施工　第0-0269号内訳表</v>
          </cell>
        </row>
        <row r="273">
          <cell r="B273">
            <v>270</v>
          </cell>
          <cell r="D273" t="str">
            <v>軽量鋼矢板撤去工</v>
          </cell>
          <cell r="E273" t="str">
            <v>矢板長4.0m以下</v>
          </cell>
          <cell r="G273" t="str">
            <v>m</v>
          </cell>
          <cell r="H273">
            <v>3200</v>
          </cell>
          <cell r="J273" t="str">
            <v>施工　第0-0270号内訳表</v>
          </cell>
        </row>
        <row r="274">
          <cell r="B274">
            <v>271</v>
          </cell>
          <cell r="D274" t="str">
            <v>たて込み簡易土留建込工</v>
          </cell>
          <cell r="E274" t="str">
            <v>掘削深5.0m以下</v>
          </cell>
          <cell r="G274" t="str">
            <v>m</v>
          </cell>
          <cell r="H274">
            <v>4100</v>
          </cell>
          <cell r="J274" t="str">
            <v>施工　第0-0271号内訳表</v>
          </cell>
        </row>
        <row r="275">
          <cell r="B275">
            <v>272</v>
          </cell>
          <cell r="D275" t="str">
            <v>たて込み簡易土留引抜工</v>
          </cell>
          <cell r="E275" t="str">
            <v>掘削深5.0m以下</v>
          </cell>
          <cell r="G275" t="str">
            <v>m</v>
          </cell>
          <cell r="H275">
            <v>2600</v>
          </cell>
          <cell r="J275" t="str">
            <v>施工　第0-0272号内訳表</v>
          </cell>
        </row>
        <row r="276">
          <cell r="B276">
            <v>273</v>
          </cell>
          <cell r="D276" t="str">
            <v>支保材設置工</v>
          </cell>
          <cell r="E276" t="str">
            <v>2段</v>
          </cell>
          <cell r="F276" t="str">
            <v>3.5m以下</v>
          </cell>
          <cell r="G276" t="str">
            <v>m</v>
          </cell>
          <cell r="H276">
            <v>1800</v>
          </cell>
          <cell r="J276" t="str">
            <v>施工　第0-0273号内訳表</v>
          </cell>
        </row>
        <row r="277">
          <cell r="B277">
            <v>274</v>
          </cell>
          <cell r="D277" t="str">
            <v>支保材撤去工</v>
          </cell>
          <cell r="E277" t="str">
            <v>2段</v>
          </cell>
          <cell r="F277" t="str">
            <v>3.5m以下</v>
          </cell>
          <cell r="G277" t="str">
            <v>m</v>
          </cell>
          <cell r="H277">
            <v>1300</v>
          </cell>
          <cell r="J277" t="str">
            <v>施工　第0-0274号内訳表</v>
          </cell>
        </row>
        <row r="278">
          <cell r="B278">
            <v>275</v>
          </cell>
          <cell r="D278" t="str">
            <v>支保材設置工</v>
          </cell>
          <cell r="E278" t="str">
            <v>3段</v>
          </cell>
          <cell r="F278" t="str">
            <v>4.0m未満</v>
          </cell>
          <cell r="G278" t="str">
            <v>m</v>
          </cell>
          <cell r="H278">
            <v>3500</v>
          </cell>
          <cell r="J278" t="str">
            <v>施工　第0-0275号内訳表</v>
          </cell>
        </row>
        <row r="279">
          <cell r="B279">
            <v>276</v>
          </cell>
          <cell r="D279" t="str">
            <v>支保材撤去工</v>
          </cell>
          <cell r="E279" t="str">
            <v>3段</v>
          </cell>
          <cell r="F279" t="str">
            <v>4.0m未満</v>
          </cell>
          <cell r="G279" t="str">
            <v>m</v>
          </cell>
          <cell r="H279">
            <v>2600</v>
          </cell>
          <cell r="J279" t="str">
            <v>施工　第0-0276号内訳表</v>
          </cell>
          <cell r="L279">
            <v>0</v>
          </cell>
        </row>
        <row r="280">
          <cell r="B280">
            <v>277</v>
          </cell>
          <cell r="D280" t="str">
            <v>たて込み簡易土留建込工</v>
          </cell>
          <cell r="E280" t="str">
            <v>掘削深5.5m以下</v>
          </cell>
          <cell r="G280" t="str">
            <v>m</v>
          </cell>
          <cell r="H280">
            <v>5300</v>
          </cell>
          <cell r="J280" t="str">
            <v>施工　第0-0277号内訳表</v>
          </cell>
        </row>
        <row r="281">
          <cell r="B281">
            <v>278</v>
          </cell>
          <cell r="D281" t="str">
            <v>たて込み簡易土留引抜工</v>
          </cell>
          <cell r="E281" t="str">
            <v>掘削深5.5m以下</v>
          </cell>
          <cell r="G281" t="str">
            <v>m</v>
          </cell>
          <cell r="H281">
            <v>3100</v>
          </cell>
          <cell r="J281" t="str">
            <v>施工　第0-0278号内訳表</v>
          </cell>
        </row>
        <row r="282">
          <cell r="B282">
            <v>279</v>
          </cell>
          <cell r="D282" t="str">
            <v>通水試験工</v>
          </cell>
          <cell r="G282" t="str">
            <v>日</v>
          </cell>
          <cell r="H282">
            <v>121000</v>
          </cell>
          <cell r="J282" t="str">
            <v>施工　第0-0279号内訳表</v>
          </cell>
        </row>
        <row r="283">
          <cell r="B283">
            <v>280</v>
          </cell>
          <cell r="D283" t="str">
            <v>鋼管撤去工</v>
          </cell>
          <cell r="E283" t="str">
            <v>1000A</v>
          </cell>
          <cell r="G283" t="str">
            <v>m</v>
          </cell>
          <cell r="H283">
            <v>2100</v>
          </cell>
          <cell r="J283" t="str">
            <v>施工　第0-0280号内訳表</v>
          </cell>
        </row>
        <row r="284">
          <cell r="B284">
            <v>281</v>
          </cell>
          <cell r="D284" t="str">
            <v>既設管切断工</v>
          </cell>
          <cell r="E284" t="str">
            <v>鋼管　1000A</v>
          </cell>
          <cell r="G284" t="str">
            <v>口</v>
          </cell>
          <cell r="H284">
            <v>12600</v>
          </cell>
          <cell r="J284" t="str">
            <v>施工　第0-0281号内訳表</v>
          </cell>
        </row>
        <row r="285">
          <cell r="B285">
            <v>282</v>
          </cell>
          <cell r="H285">
            <v>0</v>
          </cell>
          <cell r="J285" t="str">
            <v>施工　第0-0282号内訳表</v>
          </cell>
        </row>
        <row r="286">
          <cell r="B286">
            <v>283</v>
          </cell>
          <cell r="H286">
            <v>0</v>
          </cell>
          <cell r="J286" t="str">
            <v>施工　第0-0283号内訳表</v>
          </cell>
        </row>
        <row r="287">
          <cell r="B287">
            <v>284</v>
          </cell>
          <cell r="H287">
            <v>0</v>
          </cell>
          <cell r="J287" t="str">
            <v>施工　第0-0284号内訳表</v>
          </cell>
        </row>
        <row r="288">
          <cell r="B288">
            <v>285</v>
          </cell>
          <cell r="H288">
            <v>0</v>
          </cell>
          <cell r="J288" t="str">
            <v>施工　第0-0285号内訳表</v>
          </cell>
        </row>
        <row r="289">
          <cell r="B289">
            <v>286</v>
          </cell>
          <cell r="H289">
            <v>0</v>
          </cell>
          <cell r="J289" t="str">
            <v>施工　第0-0286号内訳表</v>
          </cell>
        </row>
        <row r="290">
          <cell r="B290">
            <v>287</v>
          </cell>
          <cell r="H290">
            <v>0</v>
          </cell>
          <cell r="J290" t="str">
            <v>施工　第0-0287号内訳表</v>
          </cell>
        </row>
        <row r="291">
          <cell r="B291">
            <v>288</v>
          </cell>
          <cell r="H291">
            <v>0</v>
          </cell>
          <cell r="J291" t="str">
            <v>施工　第0-0288号内訳表</v>
          </cell>
        </row>
        <row r="292">
          <cell r="B292">
            <v>289</v>
          </cell>
          <cell r="H292">
            <v>0</v>
          </cell>
          <cell r="J292" t="str">
            <v>施工　第0-0289号内訳表</v>
          </cell>
        </row>
        <row r="293">
          <cell r="B293">
            <v>290</v>
          </cell>
          <cell r="H293">
            <v>0</v>
          </cell>
          <cell r="J293" t="str">
            <v>施工　第0-0290号内訳表</v>
          </cell>
        </row>
        <row r="294">
          <cell r="B294">
            <v>291</v>
          </cell>
          <cell r="H294">
            <v>0</v>
          </cell>
          <cell r="J294" t="str">
            <v>施工　第0-0291号内訳表</v>
          </cell>
        </row>
        <row r="295">
          <cell r="B295">
            <v>292</v>
          </cell>
          <cell r="H295">
            <v>0</v>
          </cell>
          <cell r="J295" t="str">
            <v>施工　第0-0292号内訳表</v>
          </cell>
        </row>
        <row r="296">
          <cell r="B296">
            <v>293</v>
          </cell>
          <cell r="H296">
            <v>0</v>
          </cell>
          <cell r="J296" t="str">
            <v>施工　第0-0293号内訳表</v>
          </cell>
        </row>
        <row r="297">
          <cell r="B297">
            <v>294</v>
          </cell>
          <cell r="H297">
            <v>0</v>
          </cell>
          <cell r="J297" t="str">
            <v>施工　第0-0294号内訳表</v>
          </cell>
        </row>
        <row r="298">
          <cell r="B298">
            <v>295</v>
          </cell>
          <cell r="H298">
            <v>0</v>
          </cell>
          <cell r="J298" t="str">
            <v>施工　第0-0295号内訳表</v>
          </cell>
        </row>
        <row r="299">
          <cell r="B299">
            <v>296</v>
          </cell>
          <cell r="H299">
            <v>0</v>
          </cell>
          <cell r="J299" t="str">
            <v>施工　第0-0296号内訳表</v>
          </cell>
        </row>
        <row r="300">
          <cell r="B300">
            <v>297</v>
          </cell>
          <cell r="H300">
            <v>0</v>
          </cell>
          <cell r="J300" t="str">
            <v>施工　第0-0297号内訳表</v>
          </cell>
        </row>
        <row r="301">
          <cell r="B301">
            <v>298</v>
          </cell>
          <cell r="H301">
            <v>0</v>
          </cell>
          <cell r="J301" t="str">
            <v>施工　第0-0298号内訳表</v>
          </cell>
        </row>
        <row r="302">
          <cell r="B302">
            <v>299</v>
          </cell>
          <cell r="H302">
            <v>0</v>
          </cell>
          <cell r="J302" t="str">
            <v>施工　第0-0299号内訳表</v>
          </cell>
        </row>
        <row r="303">
          <cell r="B303">
            <v>300</v>
          </cell>
          <cell r="H303">
            <v>0</v>
          </cell>
          <cell r="J303" t="str">
            <v>施工　第0-0300号内訳表</v>
          </cell>
        </row>
        <row r="304">
          <cell r="B304">
            <v>301</v>
          </cell>
          <cell r="D304" t="str">
            <v>鋼矢板賃料</v>
          </cell>
          <cell r="E304" t="str">
            <v>Ⅳ型　L=10m</v>
          </cell>
          <cell r="F304" t="str">
            <v>300日  76.1kg/m</v>
          </cell>
          <cell r="G304" t="str">
            <v>t・日</v>
          </cell>
          <cell r="H304">
            <v>80</v>
          </cell>
          <cell r="J304" t="str">
            <v>物価資料8月</v>
          </cell>
        </row>
        <row r="305">
          <cell r="B305">
            <v>302</v>
          </cell>
          <cell r="D305" t="str">
            <v>鋼矢板整備費</v>
          </cell>
          <cell r="E305" t="str">
            <v>Ⅳ型　L=10m</v>
          </cell>
          <cell r="F305" t="str">
            <v>76.1kg/m</v>
          </cell>
          <cell r="G305" t="str">
            <v>t</v>
          </cell>
          <cell r="H305">
            <v>3000</v>
          </cell>
          <cell r="J305" t="str">
            <v>物価資料8月</v>
          </cell>
        </row>
        <row r="306">
          <cell r="B306">
            <v>303</v>
          </cell>
          <cell r="D306" t="str">
            <v>鋼矢板運搬費</v>
          </cell>
          <cell r="E306" t="str">
            <v>L=12m以内</v>
          </cell>
          <cell r="F306" t="str">
            <v>20kmまで</v>
          </cell>
          <cell r="G306" t="str">
            <v>式</v>
          </cell>
          <cell r="H306">
            <v>1036000</v>
          </cell>
          <cell r="J306" t="str">
            <v>別紙計算書</v>
          </cell>
        </row>
        <row r="307">
          <cell r="B307">
            <v>304</v>
          </cell>
          <cell r="D307" t="str">
            <v>残土処分費</v>
          </cell>
          <cell r="G307" t="str">
            <v>m3</v>
          </cell>
          <cell r="H307">
            <v>1600</v>
          </cell>
          <cell r="J307" t="str">
            <v>柿町建設発生土処理場</v>
          </cell>
        </row>
        <row r="308">
          <cell r="B308">
            <v>305</v>
          </cell>
          <cell r="D308" t="str">
            <v>塩化ビニル管</v>
          </cell>
          <cell r="E308" t="str">
            <v>φ75(VU)</v>
          </cell>
          <cell r="F308" t="str">
            <v>L=4.0m</v>
          </cell>
          <cell r="G308" t="str">
            <v>本</v>
          </cell>
          <cell r="H308">
            <v>1200</v>
          </cell>
          <cell r="J308" t="str">
            <v>物価資料8月</v>
          </cell>
          <cell r="L308">
            <v>1200</v>
          </cell>
        </row>
        <row r="309">
          <cell r="B309">
            <v>306</v>
          </cell>
          <cell r="D309" t="str">
            <v>塩ビ用ソケット</v>
          </cell>
          <cell r="E309" t="str">
            <v>φ75(DV)</v>
          </cell>
          <cell r="G309" t="str">
            <v>個</v>
          </cell>
          <cell r="H309">
            <v>90</v>
          </cell>
          <cell r="J309" t="str">
            <v>物価資料8月</v>
          </cell>
          <cell r="L309">
            <v>90</v>
          </cell>
        </row>
        <row r="310">
          <cell r="B310">
            <v>307</v>
          </cell>
          <cell r="D310" t="str">
            <v>塩ビ用エルボ</v>
          </cell>
          <cell r="E310" t="str">
            <v>φ75(DV)</v>
          </cell>
          <cell r="G310" t="str">
            <v>個</v>
          </cell>
          <cell r="H310">
            <v>150</v>
          </cell>
          <cell r="J310" t="str">
            <v>物価資料8月</v>
          </cell>
          <cell r="L310">
            <v>150</v>
          </cell>
        </row>
        <row r="311">
          <cell r="B311">
            <v>308</v>
          </cell>
          <cell r="D311" t="str">
            <v>塩ビ用チーズ</v>
          </cell>
          <cell r="E311" t="str">
            <v>φ75(DV)</v>
          </cell>
          <cell r="G311" t="str">
            <v>個</v>
          </cell>
          <cell r="H311">
            <v>280</v>
          </cell>
          <cell r="J311" t="str">
            <v>物価資料8月</v>
          </cell>
          <cell r="L311">
            <v>280</v>
          </cell>
        </row>
        <row r="312">
          <cell r="B312">
            <v>309</v>
          </cell>
          <cell r="D312" t="str">
            <v>塩化ビニル管</v>
          </cell>
          <cell r="E312" t="str">
            <v>φ100(VU)</v>
          </cell>
          <cell r="F312" t="str">
            <v>L=4.0m</v>
          </cell>
          <cell r="G312" t="str">
            <v>本</v>
          </cell>
          <cell r="H312">
            <v>1300</v>
          </cell>
          <cell r="J312" t="str">
            <v>物価資料8月</v>
          </cell>
          <cell r="L312">
            <v>1300</v>
          </cell>
        </row>
        <row r="313">
          <cell r="B313">
            <v>310</v>
          </cell>
          <cell r="D313" t="str">
            <v>塩ビ用エルボ</v>
          </cell>
          <cell r="E313" t="str">
            <v>φ100(DV)</v>
          </cell>
          <cell r="G313" t="str">
            <v>個</v>
          </cell>
          <cell r="H313">
            <v>300</v>
          </cell>
          <cell r="J313" t="str">
            <v>物価資料8月</v>
          </cell>
          <cell r="L313">
            <v>300</v>
          </cell>
        </row>
        <row r="314">
          <cell r="B314">
            <v>311</v>
          </cell>
          <cell r="D314" t="str">
            <v>塩ビ用ソケット</v>
          </cell>
          <cell r="E314" t="str">
            <v>φ100(DV)</v>
          </cell>
          <cell r="G314" t="str">
            <v>個</v>
          </cell>
          <cell r="H314">
            <v>180</v>
          </cell>
          <cell r="J314" t="str">
            <v>物価資料8月</v>
          </cell>
          <cell r="L314">
            <v>180</v>
          </cell>
        </row>
        <row r="315">
          <cell r="B315">
            <v>312</v>
          </cell>
          <cell r="D315" t="str">
            <v>再生砕石</v>
          </cell>
          <cell r="E315" t="str">
            <v>RC-40</v>
          </cell>
          <cell r="G315" t="str">
            <v>m3</v>
          </cell>
          <cell r="H315">
            <v>2500</v>
          </cell>
          <cell r="J315" t="str">
            <v>新潟県単価</v>
          </cell>
        </row>
        <row r="316">
          <cell r="B316">
            <v>313</v>
          </cell>
          <cell r="D316" t="str">
            <v>ヒューム管(B型)</v>
          </cell>
          <cell r="E316" t="str">
            <v>外圧管1種</v>
          </cell>
          <cell r="F316" t="str">
            <v>φ350 L=2.0m</v>
          </cell>
          <cell r="G316" t="str">
            <v>本</v>
          </cell>
          <cell r="H316">
            <v>4500</v>
          </cell>
          <cell r="J316" t="str">
            <v>物価資料8月</v>
          </cell>
          <cell r="L316">
            <v>4500</v>
          </cell>
        </row>
        <row r="317">
          <cell r="B317">
            <v>314</v>
          </cell>
          <cell r="D317" t="str">
            <v>ダクタイル鋳鉄管　直管</v>
          </cell>
          <cell r="E317" t="str">
            <v>NS形 φ800</v>
          </cell>
          <cell r="F317" t="str">
            <v>S種管　内面紛体塗装</v>
          </cell>
          <cell r="G317" t="str">
            <v>本</v>
          </cell>
          <cell r="H317">
            <v>729000</v>
          </cell>
          <cell r="J317" t="str">
            <v>ｶﾀﾛｸﾞ</v>
          </cell>
          <cell r="L317">
            <v>729000</v>
          </cell>
        </row>
        <row r="318">
          <cell r="B318">
            <v>315</v>
          </cell>
          <cell r="D318" t="str">
            <v>ダクタイル鋳鉄異形管 45°曲管</v>
          </cell>
          <cell r="E318" t="str">
            <v>NS形 φ800</v>
          </cell>
          <cell r="G318" t="str">
            <v>個</v>
          </cell>
          <cell r="H318">
            <v>635000</v>
          </cell>
          <cell r="J318" t="str">
            <v>ｶﾀﾛｸﾞ</v>
          </cell>
          <cell r="L318">
            <v>635000</v>
          </cell>
        </row>
        <row r="319">
          <cell r="B319">
            <v>316</v>
          </cell>
          <cell r="D319" t="str">
            <v>ダクタイル鋳鉄異形管 継輪</v>
          </cell>
          <cell r="E319" t="str">
            <v>NS形 φ800</v>
          </cell>
          <cell r="G319" t="str">
            <v>個</v>
          </cell>
          <cell r="H319">
            <v>653000</v>
          </cell>
          <cell r="J319" t="str">
            <v>ｶﾀﾛｸﾞ</v>
          </cell>
          <cell r="L319">
            <v>653000</v>
          </cell>
        </row>
        <row r="320">
          <cell r="B320">
            <v>317</v>
          </cell>
          <cell r="D320" t="str">
            <v>ダクタイル鋳鉄異形管 短管1号</v>
          </cell>
          <cell r="E320" t="str">
            <v>NS形 φ800</v>
          </cell>
          <cell r="F320" t="str">
            <v>7.5K</v>
          </cell>
          <cell r="G320" t="str">
            <v>個</v>
          </cell>
          <cell r="H320">
            <v>430000</v>
          </cell>
          <cell r="J320" t="str">
            <v>ｶﾀﾛｸﾞ</v>
          </cell>
          <cell r="L320">
            <v>430000</v>
          </cell>
        </row>
        <row r="321">
          <cell r="B321">
            <v>318</v>
          </cell>
          <cell r="D321" t="str">
            <v>ダクタイル鋳鉄異形管 ライナ</v>
          </cell>
          <cell r="E321" t="str">
            <v>NS形 φ800</v>
          </cell>
          <cell r="F321" t="str">
            <v>リベットタイプ</v>
          </cell>
          <cell r="G321" t="str">
            <v>個</v>
          </cell>
          <cell r="H321">
            <v>72000</v>
          </cell>
          <cell r="J321" t="str">
            <v>ｶﾀﾛｸﾞ</v>
          </cell>
          <cell r="L321">
            <v>72000</v>
          </cell>
        </row>
        <row r="322">
          <cell r="B322">
            <v>319</v>
          </cell>
          <cell r="D322" t="str">
            <v>ダクタイル鋳鉄異形管 挿口リング</v>
          </cell>
          <cell r="E322" t="str">
            <v>NS形 φ800</v>
          </cell>
          <cell r="F322" t="str">
            <v>リベットタイプ</v>
          </cell>
          <cell r="G322" t="str">
            <v>組</v>
          </cell>
          <cell r="H322">
            <v>44000</v>
          </cell>
          <cell r="J322" t="str">
            <v>ｶﾀﾛｸﾞ</v>
          </cell>
          <cell r="L322">
            <v>44000</v>
          </cell>
        </row>
        <row r="323">
          <cell r="B323">
            <v>320</v>
          </cell>
          <cell r="D323" t="str">
            <v>フランジ継手材</v>
          </cell>
          <cell r="E323" t="str">
            <v>GF φ800 7.5K</v>
          </cell>
          <cell r="F323" t="str">
            <v>SUS304</v>
          </cell>
          <cell r="G323" t="str">
            <v>組</v>
          </cell>
          <cell r="H323">
            <v>105000</v>
          </cell>
          <cell r="J323" t="str">
            <v>ｶﾀﾛｸﾞ</v>
          </cell>
          <cell r="L323">
            <v>105000</v>
          </cell>
        </row>
        <row r="324">
          <cell r="B324">
            <v>321</v>
          </cell>
          <cell r="D324" t="str">
            <v>ダクタイル鋳鉄製伸縮可撓管</v>
          </cell>
          <cell r="E324" t="str">
            <v>NS形 φ800</v>
          </cell>
          <cell r="F324" t="str">
            <v>F-U δ＝200mm</v>
          </cell>
          <cell r="G324" t="str">
            <v>基</v>
          </cell>
          <cell r="H324">
            <v>6248000</v>
          </cell>
          <cell r="J324" t="str">
            <v>ｶﾀﾛｸﾞ</v>
          </cell>
          <cell r="L324">
            <v>6248000</v>
          </cell>
        </row>
        <row r="325">
          <cell r="B325">
            <v>322</v>
          </cell>
          <cell r="D325" t="str">
            <v>バタフライ弁</v>
          </cell>
          <cell r="E325" t="str">
            <v>φ800</v>
          </cell>
          <cell r="G325" t="str">
            <v>基</v>
          </cell>
          <cell r="H325">
            <v>5896000</v>
          </cell>
          <cell r="J325" t="str">
            <v>ｶﾀﾛｸﾞ</v>
          </cell>
          <cell r="L325">
            <v>5896000</v>
          </cell>
        </row>
        <row r="326">
          <cell r="B326">
            <v>323</v>
          </cell>
          <cell r="D326" t="str">
            <v>ダクタイル鋳鉄管　直管</v>
          </cell>
          <cell r="E326" t="str">
            <v>NS形 φ600</v>
          </cell>
          <cell r="F326" t="str">
            <v>S種管　内面紛体塗装</v>
          </cell>
          <cell r="G326" t="str">
            <v>本</v>
          </cell>
          <cell r="H326">
            <v>460000</v>
          </cell>
          <cell r="J326" t="str">
            <v>ｶﾀﾛｸﾞ</v>
          </cell>
          <cell r="L326">
            <v>460000</v>
          </cell>
        </row>
        <row r="327">
          <cell r="B327">
            <v>324</v>
          </cell>
          <cell r="D327" t="str">
            <v>ダクタイル鋳鉄異形管 45°曲管</v>
          </cell>
          <cell r="E327" t="str">
            <v>NS形 φ600</v>
          </cell>
          <cell r="G327" t="str">
            <v>個</v>
          </cell>
          <cell r="H327">
            <v>336000</v>
          </cell>
          <cell r="J327" t="str">
            <v>ｶﾀﾛｸﾞ</v>
          </cell>
          <cell r="L327">
            <v>336000</v>
          </cell>
        </row>
        <row r="328">
          <cell r="B328">
            <v>325</v>
          </cell>
          <cell r="D328" t="str">
            <v>ダクタイル鋳鉄異形管 5°5/8曲管</v>
          </cell>
          <cell r="E328" t="str">
            <v>NS形 φ600</v>
          </cell>
          <cell r="G328" t="str">
            <v>個</v>
          </cell>
          <cell r="H328">
            <v>327000</v>
          </cell>
          <cell r="J328" t="str">
            <v>ｶﾀﾛｸﾞ</v>
          </cell>
          <cell r="L328">
            <v>327000</v>
          </cell>
        </row>
        <row r="329">
          <cell r="B329">
            <v>326</v>
          </cell>
          <cell r="D329" t="str">
            <v>ダクタイル鋳鉄異形管 二受T字管</v>
          </cell>
          <cell r="E329" t="str">
            <v>NS形 φ600×φ600</v>
          </cell>
          <cell r="G329" t="str">
            <v>個</v>
          </cell>
          <cell r="H329">
            <v>649000</v>
          </cell>
          <cell r="J329" t="str">
            <v>ｶﾀﾛｸﾞ</v>
          </cell>
          <cell r="L329">
            <v>649000</v>
          </cell>
        </row>
        <row r="330">
          <cell r="B330">
            <v>327</v>
          </cell>
          <cell r="D330" t="str">
            <v>ダクタイル鋳鉄異形管 継輪</v>
          </cell>
          <cell r="E330" t="str">
            <v>NS形 φ600</v>
          </cell>
          <cell r="G330" t="str">
            <v>個</v>
          </cell>
          <cell r="H330">
            <v>348000</v>
          </cell>
          <cell r="J330" t="str">
            <v>ｶﾀﾛｸﾞ</v>
          </cell>
          <cell r="L330">
            <v>348000</v>
          </cell>
        </row>
        <row r="331">
          <cell r="B331">
            <v>328</v>
          </cell>
          <cell r="D331" t="str">
            <v>ダクタイル鋳鉄異形管 短管1号</v>
          </cell>
          <cell r="E331" t="str">
            <v>NS形 φ600</v>
          </cell>
          <cell r="F331" t="str">
            <v>7.5K</v>
          </cell>
          <cell r="G331" t="str">
            <v>個</v>
          </cell>
          <cell r="H331">
            <v>245000</v>
          </cell>
          <cell r="J331" t="str">
            <v>ｶﾀﾛｸﾞ</v>
          </cell>
          <cell r="L331">
            <v>245000</v>
          </cell>
        </row>
        <row r="332">
          <cell r="B332">
            <v>329</v>
          </cell>
          <cell r="D332" t="str">
            <v>ダクタイル鋳鉄異形管 ライナ</v>
          </cell>
          <cell r="E332" t="str">
            <v>NS形 φ600</v>
          </cell>
          <cell r="F332" t="str">
            <v>リベットタイプ</v>
          </cell>
          <cell r="G332" t="str">
            <v>個</v>
          </cell>
          <cell r="H332">
            <v>53000</v>
          </cell>
          <cell r="J332" t="str">
            <v>ｶﾀﾛｸﾞ</v>
          </cell>
          <cell r="L332">
            <v>53000</v>
          </cell>
        </row>
        <row r="333">
          <cell r="B333">
            <v>330</v>
          </cell>
          <cell r="D333" t="str">
            <v>ダクタイル鋳鉄異形管 挿口リング</v>
          </cell>
          <cell r="E333" t="str">
            <v>NS形 φ600</v>
          </cell>
          <cell r="F333" t="str">
            <v>リベットタイプ</v>
          </cell>
          <cell r="G333" t="str">
            <v>組</v>
          </cell>
          <cell r="H333">
            <v>34000</v>
          </cell>
          <cell r="J333" t="str">
            <v>ｶﾀﾛｸﾞ</v>
          </cell>
          <cell r="L333">
            <v>34000</v>
          </cell>
        </row>
        <row r="334">
          <cell r="B334">
            <v>331</v>
          </cell>
          <cell r="D334" t="str">
            <v>フランジ継手材</v>
          </cell>
          <cell r="E334" t="str">
            <v>GF φ600 7.5K</v>
          </cell>
          <cell r="F334" t="str">
            <v>SUS304</v>
          </cell>
          <cell r="G334" t="str">
            <v>組</v>
          </cell>
          <cell r="H334">
            <v>54000</v>
          </cell>
          <cell r="J334" t="str">
            <v>ｶﾀﾛｸﾞ</v>
          </cell>
          <cell r="L334">
            <v>54000</v>
          </cell>
        </row>
        <row r="335">
          <cell r="B335">
            <v>332</v>
          </cell>
          <cell r="D335" t="str">
            <v>ダクタイル鋳鉄製伸縮可撓管</v>
          </cell>
          <cell r="E335" t="str">
            <v>NS形 φ600</v>
          </cell>
          <cell r="F335" t="str">
            <v>F-U δ＝200mm</v>
          </cell>
          <cell r="G335" t="str">
            <v>基</v>
          </cell>
          <cell r="H335">
            <v>3223000</v>
          </cell>
          <cell r="J335" t="str">
            <v>ｶﾀﾛｸﾞ</v>
          </cell>
          <cell r="L335">
            <v>3223000</v>
          </cell>
        </row>
        <row r="336">
          <cell r="B336">
            <v>333</v>
          </cell>
          <cell r="D336" t="str">
            <v>ダクタイル鋳鉄管　直管</v>
          </cell>
          <cell r="E336" t="str">
            <v>NS形 φ1000</v>
          </cell>
          <cell r="F336" t="str">
            <v>S種管　内面紛体塗装</v>
          </cell>
          <cell r="G336" t="str">
            <v>本</v>
          </cell>
          <cell r="H336">
            <v>1009000</v>
          </cell>
          <cell r="J336" t="str">
            <v>ｶﾀﾛｸﾞ</v>
          </cell>
          <cell r="L336">
            <v>1009000</v>
          </cell>
        </row>
        <row r="337">
          <cell r="B337">
            <v>334</v>
          </cell>
          <cell r="D337" t="str">
            <v>ダクタイル鋳鉄異形管 45°曲管</v>
          </cell>
          <cell r="E337" t="str">
            <v>NS形 φ1000</v>
          </cell>
          <cell r="G337" t="str">
            <v>個</v>
          </cell>
          <cell r="H337">
            <v>1059000</v>
          </cell>
          <cell r="J337" t="str">
            <v>ｶﾀﾛｸﾞ</v>
          </cell>
          <cell r="L337">
            <v>1059000</v>
          </cell>
        </row>
        <row r="338">
          <cell r="B338">
            <v>335</v>
          </cell>
          <cell r="D338" t="str">
            <v>ダクタイル鋳鉄異形管 22°1/2曲管</v>
          </cell>
          <cell r="E338" t="str">
            <v>NS形 φ1000</v>
          </cell>
          <cell r="G338" t="str">
            <v>個</v>
          </cell>
          <cell r="H338">
            <v>1021000</v>
          </cell>
          <cell r="J338" t="str">
            <v>ｶﾀﾛｸﾞ</v>
          </cell>
          <cell r="L338">
            <v>1021000</v>
          </cell>
        </row>
        <row r="339">
          <cell r="B339">
            <v>336</v>
          </cell>
          <cell r="D339" t="str">
            <v>ダクタイル鋳鉄異形管 継輪</v>
          </cell>
          <cell r="E339" t="str">
            <v>NS形 φ1000</v>
          </cell>
          <cell r="G339" t="str">
            <v>個</v>
          </cell>
          <cell r="H339">
            <v>939000</v>
          </cell>
          <cell r="J339" t="str">
            <v>ｶﾀﾛｸﾞ</v>
          </cell>
          <cell r="L339">
            <v>939000</v>
          </cell>
        </row>
        <row r="340">
          <cell r="B340">
            <v>337</v>
          </cell>
          <cell r="D340" t="str">
            <v>ダクタイル鋳鉄異形管 短管1号</v>
          </cell>
          <cell r="E340" t="str">
            <v>NS形 φ1000</v>
          </cell>
          <cell r="F340" t="str">
            <v>7.5K</v>
          </cell>
          <cell r="G340" t="str">
            <v>個</v>
          </cell>
          <cell r="H340">
            <v>632000</v>
          </cell>
          <cell r="J340" t="str">
            <v>ｶﾀﾛｸﾞ</v>
          </cell>
          <cell r="L340">
            <v>632000</v>
          </cell>
        </row>
        <row r="341">
          <cell r="B341">
            <v>338</v>
          </cell>
          <cell r="D341" t="str">
            <v>ダクタイル鋳鉄異形管 短管2号</v>
          </cell>
          <cell r="E341" t="str">
            <v>NS形 φ1000</v>
          </cell>
          <cell r="F341" t="str">
            <v>7.5K</v>
          </cell>
          <cell r="G341" t="str">
            <v>個</v>
          </cell>
          <cell r="H341">
            <v>486000</v>
          </cell>
          <cell r="J341" t="str">
            <v>ｶﾀﾛｸﾞ</v>
          </cell>
          <cell r="L341">
            <v>486000</v>
          </cell>
        </row>
        <row r="342">
          <cell r="B342">
            <v>339</v>
          </cell>
          <cell r="D342" t="str">
            <v>ダクタイル鋳鉄異形管 ライナ</v>
          </cell>
          <cell r="E342" t="str">
            <v>NS形 φ1000</v>
          </cell>
          <cell r="F342" t="str">
            <v>リベットタイプ</v>
          </cell>
          <cell r="G342" t="str">
            <v>個</v>
          </cell>
          <cell r="H342">
            <v>91000</v>
          </cell>
          <cell r="J342" t="str">
            <v>ｶﾀﾛｸﾞ</v>
          </cell>
          <cell r="L342">
            <v>91000</v>
          </cell>
        </row>
        <row r="343">
          <cell r="B343">
            <v>340</v>
          </cell>
          <cell r="D343" t="str">
            <v>ダクタイル鋳鉄異形管 挿口リング</v>
          </cell>
          <cell r="E343" t="str">
            <v>NS形 φ1000</v>
          </cell>
          <cell r="F343" t="str">
            <v>リベットタイプ</v>
          </cell>
          <cell r="G343" t="str">
            <v>組</v>
          </cell>
          <cell r="H343">
            <v>54000</v>
          </cell>
          <cell r="J343" t="str">
            <v>ｶﾀﾛｸﾞ</v>
          </cell>
          <cell r="L343">
            <v>54000</v>
          </cell>
        </row>
        <row r="344">
          <cell r="B344">
            <v>341</v>
          </cell>
          <cell r="D344" t="str">
            <v>フランジ継手材</v>
          </cell>
          <cell r="E344" t="str">
            <v>GF φ1000 7.5K</v>
          </cell>
          <cell r="F344" t="str">
            <v>SUS304</v>
          </cell>
          <cell r="G344" t="str">
            <v>組</v>
          </cell>
          <cell r="H344">
            <v>130000</v>
          </cell>
          <cell r="J344" t="str">
            <v>ｶﾀﾛｸﾞ</v>
          </cell>
          <cell r="L344">
            <v>130000</v>
          </cell>
        </row>
        <row r="345">
          <cell r="B345">
            <v>342</v>
          </cell>
          <cell r="D345" t="str">
            <v>ダクタイル鋳鉄製伸縮可撓管</v>
          </cell>
          <cell r="E345" t="str">
            <v>NS形 φ1000</v>
          </cell>
          <cell r="F345" t="str">
            <v>F-S δ＝200mm</v>
          </cell>
          <cell r="G345" t="str">
            <v>基</v>
          </cell>
          <cell r="H345">
            <v>11032000</v>
          </cell>
          <cell r="J345" t="str">
            <v>ｶﾀﾛｸﾞ</v>
          </cell>
          <cell r="L345">
            <v>11032000</v>
          </cell>
        </row>
        <row r="346">
          <cell r="B346">
            <v>343</v>
          </cell>
          <cell r="D346" t="str">
            <v>ダクタイル鋳鉄製伸縮可撓管</v>
          </cell>
          <cell r="E346" t="str">
            <v>NS形 φ1000</v>
          </cell>
          <cell r="F346" t="str">
            <v>F-U δ＝200mm</v>
          </cell>
          <cell r="G346" t="str">
            <v>基</v>
          </cell>
          <cell r="H346">
            <v>11911000</v>
          </cell>
          <cell r="J346" t="str">
            <v>ｶﾀﾛｸﾞ</v>
          </cell>
          <cell r="L346">
            <v>11911000</v>
          </cell>
        </row>
        <row r="347">
          <cell r="B347">
            <v>344</v>
          </cell>
          <cell r="D347" t="str">
            <v>バタフライ弁</v>
          </cell>
          <cell r="E347" t="str">
            <v>φ1000</v>
          </cell>
          <cell r="G347" t="str">
            <v>基</v>
          </cell>
          <cell r="H347">
            <v>8758000</v>
          </cell>
          <cell r="J347" t="str">
            <v>ｶﾀﾛｸﾞ</v>
          </cell>
          <cell r="L347">
            <v>8758000</v>
          </cell>
        </row>
        <row r="348">
          <cell r="B348">
            <v>345</v>
          </cell>
          <cell r="D348" t="str">
            <v>ダクタイル鋳鉄管　直管</v>
          </cell>
          <cell r="E348" t="str">
            <v>NS形 φ400</v>
          </cell>
          <cell r="F348" t="str">
            <v>1種管　内面紛体塗装</v>
          </cell>
          <cell r="G348" t="str">
            <v>本</v>
          </cell>
          <cell r="H348">
            <v>236000</v>
          </cell>
          <cell r="J348" t="str">
            <v>物価資料8月</v>
          </cell>
          <cell r="L348">
            <v>236000</v>
          </cell>
        </row>
        <row r="349">
          <cell r="B349">
            <v>346</v>
          </cell>
          <cell r="D349" t="str">
            <v>ダクタイル鋳鉄管　直管</v>
          </cell>
          <cell r="E349" t="str">
            <v>NS形 φ400</v>
          </cell>
          <cell r="F349" t="str">
            <v>3種管　内面紛体塗装</v>
          </cell>
          <cell r="G349" t="str">
            <v>本</v>
          </cell>
          <cell r="H349">
            <v>209000</v>
          </cell>
          <cell r="J349" t="str">
            <v>物価資料8月</v>
          </cell>
          <cell r="L349">
            <v>209000</v>
          </cell>
        </row>
        <row r="350">
          <cell r="B350">
            <v>347</v>
          </cell>
          <cell r="D350" t="str">
            <v>ダクタイル鋳鉄異形管 45°曲管</v>
          </cell>
          <cell r="E350" t="str">
            <v>NS形 φ400</v>
          </cell>
          <cell r="G350" t="str">
            <v>個</v>
          </cell>
          <cell r="H350">
            <v>126000</v>
          </cell>
          <cell r="J350" t="str">
            <v>物価資料8月</v>
          </cell>
          <cell r="L350">
            <v>126000</v>
          </cell>
        </row>
        <row r="351">
          <cell r="B351">
            <v>348</v>
          </cell>
          <cell r="D351" t="str">
            <v>ダクタイル鋳鉄異形管 二受T字管</v>
          </cell>
          <cell r="E351" t="str">
            <v>NS形 φ400×φ300</v>
          </cell>
          <cell r="G351" t="str">
            <v>個</v>
          </cell>
          <cell r="H351">
            <v>189000</v>
          </cell>
          <cell r="J351" t="str">
            <v>物価資料8月</v>
          </cell>
          <cell r="L351">
            <v>189000</v>
          </cell>
        </row>
        <row r="352">
          <cell r="B352">
            <v>349</v>
          </cell>
          <cell r="D352" t="str">
            <v>ダクタイル鋳鉄異形管 継輪</v>
          </cell>
          <cell r="E352" t="str">
            <v>NS形 φ400</v>
          </cell>
          <cell r="G352" t="str">
            <v>個</v>
          </cell>
          <cell r="H352">
            <v>171000</v>
          </cell>
          <cell r="J352" t="str">
            <v>物価資料8月</v>
          </cell>
          <cell r="L352">
            <v>171000</v>
          </cell>
        </row>
        <row r="353">
          <cell r="B353">
            <v>350</v>
          </cell>
          <cell r="D353" t="str">
            <v>ダクタイル鋳鉄異形管 短管1号</v>
          </cell>
          <cell r="E353" t="str">
            <v>NS形 φ400</v>
          </cell>
          <cell r="G353" t="str">
            <v>個</v>
          </cell>
          <cell r="H353">
            <v>102000</v>
          </cell>
          <cell r="J353" t="str">
            <v>物価資料8月</v>
          </cell>
          <cell r="L353">
            <v>102000</v>
          </cell>
        </row>
        <row r="354">
          <cell r="B354">
            <v>351</v>
          </cell>
          <cell r="D354" t="str">
            <v>ダクタイル鋳鉄異形管 挿受片落管</v>
          </cell>
          <cell r="E354" t="str">
            <v>NS形 φ300×φ200</v>
          </cell>
          <cell r="G354" t="str">
            <v>個</v>
          </cell>
          <cell r="H354">
            <v>63000</v>
          </cell>
          <cell r="J354" t="str">
            <v>物価資料8月</v>
          </cell>
          <cell r="L354">
            <v>63000</v>
          </cell>
        </row>
        <row r="355">
          <cell r="B355">
            <v>352</v>
          </cell>
          <cell r="D355" t="str">
            <v>ダクタイル鋳鉄異形管 ライナ</v>
          </cell>
          <cell r="E355" t="str">
            <v>NS形 φ400</v>
          </cell>
          <cell r="G355" t="str">
            <v>個</v>
          </cell>
          <cell r="H355">
            <v>28000</v>
          </cell>
          <cell r="J355" t="str">
            <v>物価資料8月</v>
          </cell>
          <cell r="L355">
            <v>28000</v>
          </cell>
        </row>
        <row r="356">
          <cell r="B356">
            <v>353</v>
          </cell>
          <cell r="D356" t="str">
            <v>ダクタイル鋳鉄異形管 挿口リング</v>
          </cell>
          <cell r="E356" t="str">
            <v>NS形 φ400</v>
          </cell>
          <cell r="F356" t="str">
            <v>タッピンネジタイプ</v>
          </cell>
          <cell r="G356" t="str">
            <v>組</v>
          </cell>
          <cell r="H356">
            <v>14000</v>
          </cell>
          <cell r="J356" t="str">
            <v>物価資料8月</v>
          </cell>
          <cell r="L356">
            <v>14000</v>
          </cell>
        </row>
        <row r="357">
          <cell r="B357">
            <v>354</v>
          </cell>
          <cell r="D357" t="str">
            <v>フランジ継手材</v>
          </cell>
          <cell r="E357" t="str">
            <v>GF φ400 7.5K</v>
          </cell>
          <cell r="F357" t="str">
            <v>SUS304</v>
          </cell>
          <cell r="G357" t="str">
            <v>組</v>
          </cell>
          <cell r="H357">
            <v>30000</v>
          </cell>
          <cell r="J357" t="str">
            <v>ｶﾀﾛｸﾞ</v>
          </cell>
          <cell r="L357">
            <v>30000</v>
          </cell>
        </row>
        <row r="358">
          <cell r="B358">
            <v>355</v>
          </cell>
          <cell r="D358" t="str">
            <v>ダクタイル鋳鉄製伸縮可撓管</v>
          </cell>
          <cell r="E358" t="str">
            <v>NS形 φ400</v>
          </cell>
          <cell r="F358" t="str">
            <v>F-U δ＝200mm</v>
          </cell>
          <cell r="G358" t="str">
            <v>基</v>
          </cell>
          <cell r="H358">
            <v>1684000</v>
          </cell>
          <cell r="J358" t="str">
            <v>ｶﾀﾛｸﾞ</v>
          </cell>
          <cell r="L358">
            <v>1684000</v>
          </cell>
        </row>
        <row r="359">
          <cell r="B359">
            <v>356</v>
          </cell>
          <cell r="D359" t="str">
            <v>ダクタイル鋳鉄管　直管</v>
          </cell>
          <cell r="E359" t="str">
            <v>GX形 φ200</v>
          </cell>
          <cell r="F359" t="str">
            <v>S種管　内面紛体塗装</v>
          </cell>
          <cell r="G359" t="str">
            <v>本</v>
          </cell>
          <cell r="H359">
            <v>67000</v>
          </cell>
          <cell r="J359" t="str">
            <v>物価資料8月</v>
          </cell>
          <cell r="L359">
            <v>67000</v>
          </cell>
        </row>
        <row r="360">
          <cell r="B360">
            <v>357</v>
          </cell>
          <cell r="D360" t="str">
            <v>ダクタイル鋳鉄異形管 45°曲管</v>
          </cell>
          <cell r="E360" t="str">
            <v>GX形 φ200</v>
          </cell>
          <cell r="G360" t="str">
            <v>個</v>
          </cell>
          <cell r="H360">
            <v>42000</v>
          </cell>
          <cell r="J360" t="str">
            <v>物価資料8月</v>
          </cell>
          <cell r="L360">
            <v>42000</v>
          </cell>
        </row>
        <row r="361">
          <cell r="B361">
            <v>358</v>
          </cell>
          <cell r="D361" t="str">
            <v>ダクタイル鋳鉄異形管 継輪</v>
          </cell>
          <cell r="E361" t="str">
            <v>GX形 φ200</v>
          </cell>
          <cell r="G361" t="str">
            <v>個</v>
          </cell>
          <cell r="H361">
            <v>73000</v>
          </cell>
          <cell r="J361" t="str">
            <v>物価資料8月</v>
          </cell>
          <cell r="L361">
            <v>73000</v>
          </cell>
        </row>
        <row r="362">
          <cell r="B362">
            <v>359</v>
          </cell>
          <cell r="D362" t="str">
            <v>ダクタイル鋳鉄異形管 ライナ</v>
          </cell>
          <cell r="E362" t="str">
            <v>GX形 φ200</v>
          </cell>
          <cell r="G362" t="str">
            <v>個</v>
          </cell>
          <cell r="H362">
            <v>3800</v>
          </cell>
          <cell r="J362" t="str">
            <v>物価資料8月</v>
          </cell>
          <cell r="L362">
            <v>3800</v>
          </cell>
        </row>
        <row r="363">
          <cell r="B363">
            <v>360</v>
          </cell>
          <cell r="D363" t="str">
            <v>フランジ継手材</v>
          </cell>
          <cell r="E363" t="str">
            <v>GF φ200 7.5K</v>
          </cell>
          <cell r="F363" t="str">
            <v>SUS304</v>
          </cell>
          <cell r="G363" t="str">
            <v>組</v>
          </cell>
          <cell r="H363">
            <v>9000</v>
          </cell>
          <cell r="J363" t="str">
            <v>ｶﾀﾛｸﾞ</v>
          </cell>
          <cell r="L363">
            <v>9000</v>
          </cell>
        </row>
        <row r="364">
          <cell r="B364">
            <v>361</v>
          </cell>
          <cell r="D364" t="str">
            <v>ダクタイル鋳鉄製伸縮可撓管</v>
          </cell>
          <cell r="E364" t="str">
            <v>GX形 φ200</v>
          </cell>
          <cell r="F364" t="str">
            <v>F-U δ＝200mm</v>
          </cell>
          <cell r="G364" t="str">
            <v>基</v>
          </cell>
          <cell r="H364">
            <v>752000</v>
          </cell>
          <cell r="J364" t="str">
            <v>ｶﾀﾛｸﾞ</v>
          </cell>
          <cell r="L364">
            <v>752000</v>
          </cell>
        </row>
        <row r="365">
          <cell r="B365">
            <v>362</v>
          </cell>
          <cell r="D365" t="str">
            <v>P-Link</v>
          </cell>
          <cell r="E365" t="str">
            <v>GX形 φ200</v>
          </cell>
          <cell r="G365" t="str">
            <v>組</v>
          </cell>
          <cell r="H365">
            <v>32000</v>
          </cell>
          <cell r="J365" t="str">
            <v>物価資料8月</v>
          </cell>
          <cell r="L365">
            <v>32000</v>
          </cell>
        </row>
        <row r="366">
          <cell r="B366">
            <v>363</v>
          </cell>
          <cell r="D366" t="str">
            <v>G-Link</v>
          </cell>
          <cell r="E366" t="str">
            <v>GX形 φ200</v>
          </cell>
          <cell r="G366" t="str">
            <v>組</v>
          </cell>
          <cell r="H366">
            <v>25000</v>
          </cell>
          <cell r="J366" t="str">
            <v>物価資料8月</v>
          </cell>
          <cell r="L366">
            <v>25000</v>
          </cell>
        </row>
        <row r="367">
          <cell r="B367">
            <v>364</v>
          </cell>
          <cell r="D367" t="str">
            <v>鋼矢板賃料</v>
          </cell>
          <cell r="E367" t="str">
            <v>Ⅳ型　L=14m</v>
          </cell>
          <cell r="F367" t="str">
            <v>30日  76.1kg/m</v>
          </cell>
          <cell r="G367" t="str">
            <v>t・日</v>
          </cell>
          <cell r="H367">
            <v>80</v>
          </cell>
          <cell r="J367" t="str">
            <v>物価資料8月</v>
          </cell>
        </row>
        <row r="368">
          <cell r="B368">
            <v>365</v>
          </cell>
          <cell r="D368" t="str">
            <v>鋼矢板整備費</v>
          </cell>
          <cell r="E368" t="str">
            <v>Ⅳ型　L=14m</v>
          </cell>
          <cell r="F368" t="str">
            <v>76.1kg/m</v>
          </cell>
          <cell r="G368" t="str">
            <v>t</v>
          </cell>
          <cell r="H368">
            <v>3000</v>
          </cell>
          <cell r="J368" t="str">
            <v>物価資料8月</v>
          </cell>
        </row>
        <row r="369">
          <cell r="B369">
            <v>366</v>
          </cell>
          <cell r="D369" t="str">
            <v>鋼矢板運搬費</v>
          </cell>
          <cell r="E369" t="str">
            <v>L=15m以内</v>
          </cell>
          <cell r="F369" t="str">
            <v>20kmまで</v>
          </cell>
          <cell r="G369" t="str">
            <v>式</v>
          </cell>
          <cell r="H369">
            <v>554000</v>
          </cell>
          <cell r="J369" t="str">
            <v>別紙計算書</v>
          </cell>
        </row>
        <row r="370">
          <cell r="B370">
            <v>367</v>
          </cell>
          <cell r="D370" t="str">
            <v>軽量鋼矢板・支保工損料</v>
          </cell>
          <cell r="G370" t="str">
            <v>式</v>
          </cell>
          <cell r="H370">
            <v>832000</v>
          </cell>
          <cell r="J370" t="str">
            <v>別紙計算書</v>
          </cell>
        </row>
        <row r="371">
          <cell r="B371">
            <v>368</v>
          </cell>
          <cell r="D371" t="str">
            <v>軽量鋼矢板整備費</v>
          </cell>
          <cell r="G371" t="str">
            <v>t</v>
          </cell>
          <cell r="H371">
            <v>0</v>
          </cell>
          <cell r="J371" t="str">
            <v>別紙計算書</v>
          </cell>
        </row>
        <row r="372">
          <cell r="B372">
            <v>369</v>
          </cell>
          <cell r="D372" t="str">
            <v>軽量鋼矢板運搬費</v>
          </cell>
          <cell r="G372" t="str">
            <v>式</v>
          </cell>
          <cell r="H372">
            <v>68000</v>
          </cell>
          <cell r="J372" t="str">
            <v>別紙計算書</v>
          </cell>
        </row>
        <row r="373">
          <cell r="B373">
            <v>370</v>
          </cell>
          <cell r="D373" t="str">
            <v>切梁・腹起し賃料</v>
          </cell>
          <cell r="G373" t="str">
            <v>t・日</v>
          </cell>
          <cell r="H373">
            <v>110</v>
          </cell>
          <cell r="J373" t="str">
            <v>物価資料8月</v>
          </cell>
        </row>
        <row r="374">
          <cell r="B374">
            <v>371</v>
          </cell>
          <cell r="D374" t="str">
            <v>切梁・腹起し損料</v>
          </cell>
          <cell r="G374" t="str">
            <v>t</v>
          </cell>
          <cell r="H374">
            <v>4000</v>
          </cell>
          <cell r="J374" t="str">
            <v>物価資料8月</v>
          </cell>
        </row>
        <row r="375">
          <cell r="B375">
            <v>372</v>
          </cell>
          <cell r="D375" t="str">
            <v>切梁・腹起し運搬費</v>
          </cell>
          <cell r="G375" t="str">
            <v>式</v>
          </cell>
          <cell r="H375">
            <v>0</v>
          </cell>
          <cell r="J375" t="str">
            <v>別紙計算書</v>
          </cell>
        </row>
        <row r="376">
          <cell r="B376">
            <v>373</v>
          </cell>
          <cell r="D376" t="str">
            <v>建込み簡易土留賃料</v>
          </cell>
          <cell r="G376" t="str">
            <v>ｍ2・日</v>
          </cell>
          <cell r="H376">
            <v>130</v>
          </cell>
          <cell r="J376" t="str">
            <v>物価資料8月</v>
          </cell>
        </row>
        <row r="377">
          <cell r="B377">
            <v>374</v>
          </cell>
          <cell r="D377" t="str">
            <v>建込み簡易土留整備費</v>
          </cell>
          <cell r="G377" t="str">
            <v>ｍ2</v>
          </cell>
          <cell r="H377">
            <v>280</v>
          </cell>
          <cell r="J377" t="str">
            <v>物価資料8月</v>
          </cell>
        </row>
        <row r="378">
          <cell r="B378">
            <v>375</v>
          </cell>
          <cell r="D378" t="str">
            <v>ダクタイル鋳鉄異形管接合材</v>
          </cell>
          <cell r="E378" t="str">
            <v>GX形 φ200</v>
          </cell>
          <cell r="G378" t="str">
            <v>組</v>
          </cell>
          <cell r="H378">
            <v>6400</v>
          </cell>
          <cell r="J378" t="str">
            <v>物価資料8月</v>
          </cell>
          <cell r="L378">
            <v>6400</v>
          </cell>
        </row>
        <row r="379">
          <cell r="B379">
            <v>376</v>
          </cell>
          <cell r="D379" t="str">
            <v>ソフトシール仕切弁</v>
          </cell>
          <cell r="E379" t="str">
            <v>GX形 φ200</v>
          </cell>
          <cell r="F379" t="str">
            <v>両受口ﾀｲﾌﾟ</v>
          </cell>
          <cell r="G379" t="str">
            <v>基</v>
          </cell>
          <cell r="H379">
            <v>215000</v>
          </cell>
          <cell r="J379" t="str">
            <v>物価資料8月</v>
          </cell>
          <cell r="L379">
            <v>215000</v>
          </cell>
        </row>
        <row r="380">
          <cell r="B380">
            <v>377</v>
          </cell>
          <cell r="D380" t="str">
            <v>足場工</v>
          </cell>
          <cell r="G380" t="str">
            <v>掛m2</v>
          </cell>
          <cell r="H380">
            <v>2000</v>
          </cell>
          <cell r="J380" t="str">
            <v>建築単価</v>
          </cell>
        </row>
        <row r="381">
          <cell r="B381">
            <v>378</v>
          </cell>
          <cell r="D381" t="str">
            <v>交通誘導員B</v>
          </cell>
          <cell r="G381" t="str">
            <v>人</v>
          </cell>
          <cell r="H381">
            <v>9800</v>
          </cell>
          <cell r="J381" t="str">
            <v>物価資料8月</v>
          </cell>
        </row>
        <row r="382">
          <cell r="B382">
            <v>379</v>
          </cell>
          <cell r="D382" t="str">
            <v>地盤の平板載荷試験</v>
          </cell>
          <cell r="E382" t="str">
            <v>50kN以内</v>
          </cell>
          <cell r="G382" t="str">
            <v>箇所</v>
          </cell>
          <cell r="H382">
            <v>165000</v>
          </cell>
          <cell r="J382" t="str">
            <v>物価資料8月</v>
          </cell>
        </row>
        <row r="383">
          <cell r="B383">
            <v>380</v>
          </cell>
          <cell r="D383" t="str">
            <v>ダクタイル鋳鉄異形管 二受T字管</v>
          </cell>
          <cell r="E383" t="str">
            <v>NS形 φ1000×φ1000</v>
          </cell>
          <cell r="G383" t="str">
            <v>個</v>
          </cell>
          <cell r="H383">
            <v>1817000</v>
          </cell>
          <cell r="J383" t="str">
            <v>ｶﾀﾛｸﾞ</v>
          </cell>
          <cell r="L383">
            <v>1817000</v>
          </cell>
        </row>
        <row r="384">
          <cell r="B384">
            <v>381</v>
          </cell>
          <cell r="H384">
            <v>0</v>
          </cell>
        </row>
        <row r="385">
          <cell r="B385">
            <v>382</v>
          </cell>
          <cell r="H385">
            <v>0</v>
          </cell>
        </row>
        <row r="386">
          <cell r="B386">
            <v>383</v>
          </cell>
          <cell r="H386">
            <v>0</v>
          </cell>
        </row>
        <row r="387">
          <cell r="B387">
            <v>384</v>
          </cell>
          <cell r="H387">
            <v>0</v>
          </cell>
        </row>
        <row r="388">
          <cell r="B388">
            <v>385</v>
          </cell>
          <cell r="H388">
            <v>0</v>
          </cell>
        </row>
        <row r="389">
          <cell r="B389">
            <v>386</v>
          </cell>
          <cell r="H389">
            <v>0</v>
          </cell>
        </row>
        <row r="390">
          <cell r="B390">
            <v>387</v>
          </cell>
          <cell r="H390">
            <v>0</v>
          </cell>
        </row>
        <row r="391">
          <cell r="B391">
            <v>388</v>
          </cell>
          <cell r="H391">
            <v>0</v>
          </cell>
        </row>
        <row r="392">
          <cell r="B392">
            <v>389</v>
          </cell>
          <cell r="H392">
            <v>0</v>
          </cell>
        </row>
        <row r="393">
          <cell r="B393">
            <v>390</v>
          </cell>
          <cell r="H393">
            <v>0</v>
          </cell>
        </row>
        <row r="394">
          <cell r="B394">
            <v>391</v>
          </cell>
          <cell r="H394">
            <v>0</v>
          </cell>
        </row>
        <row r="395">
          <cell r="B395">
            <v>392</v>
          </cell>
          <cell r="H395">
            <v>0</v>
          </cell>
        </row>
        <row r="396">
          <cell r="B396">
            <v>393</v>
          </cell>
          <cell r="H396">
            <v>0</v>
          </cell>
        </row>
        <row r="397">
          <cell r="B397">
            <v>394</v>
          </cell>
          <cell r="H397">
            <v>0</v>
          </cell>
        </row>
        <row r="398">
          <cell r="B398">
            <v>395</v>
          </cell>
          <cell r="H398">
            <v>0</v>
          </cell>
        </row>
        <row r="399">
          <cell r="B399">
            <v>396</v>
          </cell>
          <cell r="H399">
            <v>0</v>
          </cell>
        </row>
        <row r="400">
          <cell r="B400">
            <v>397</v>
          </cell>
          <cell r="H400">
            <v>0</v>
          </cell>
        </row>
        <row r="401">
          <cell r="B401">
            <v>398</v>
          </cell>
          <cell r="H401">
            <v>0</v>
          </cell>
        </row>
        <row r="402">
          <cell r="B402">
            <v>399</v>
          </cell>
          <cell r="H402">
            <v>0</v>
          </cell>
        </row>
        <row r="403">
          <cell r="B403">
            <v>400</v>
          </cell>
          <cell r="H403">
            <v>0</v>
          </cell>
        </row>
        <row r="404">
          <cell r="B404">
            <v>401</v>
          </cell>
          <cell r="H404">
            <v>0</v>
          </cell>
        </row>
        <row r="405">
          <cell r="B405">
            <v>402</v>
          </cell>
          <cell r="H405">
            <v>0</v>
          </cell>
        </row>
        <row r="406">
          <cell r="B406">
            <v>403</v>
          </cell>
          <cell r="H406">
            <v>0</v>
          </cell>
        </row>
        <row r="407">
          <cell r="B407">
            <v>404</v>
          </cell>
          <cell r="H407">
            <v>0</v>
          </cell>
        </row>
        <row r="408">
          <cell r="B408">
            <v>405</v>
          </cell>
          <cell r="H408">
            <v>0</v>
          </cell>
        </row>
        <row r="409">
          <cell r="B409">
            <v>406</v>
          </cell>
          <cell r="H409">
            <v>0</v>
          </cell>
        </row>
        <row r="410">
          <cell r="B410">
            <v>407</v>
          </cell>
          <cell r="H410">
            <v>0</v>
          </cell>
        </row>
        <row r="411">
          <cell r="B411">
            <v>408</v>
          </cell>
          <cell r="H411">
            <v>0</v>
          </cell>
        </row>
        <row r="412">
          <cell r="B412">
            <v>409</v>
          </cell>
          <cell r="H412">
            <v>0</v>
          </cell>
        </row>
        <row r="413">
          <cell r="B413">
            <v>410</v>
          </cell>
          <cell r="H413">
            <v>0</v>
          </cell>
        </row>
        <row r="414">
          <cell r="B414">
            <v>411</v>
          </cell>
          <cell r="H414">
            <v>0</v>
          </cell>
        </row>
        <row r="415">
          <cell r="B415">
            <v>412</v>
          </cell>
          <cell r="H415">
            <v>0</v>
          </cell>
        </row>
        <row r="416">
          <cell r="B416">
            <v>413</v>
          </cell>
          <cell r="H416">
            <v>0</v>
          </cell>
        </row>
        <row r="417">
          <cell r="B417">
            <v>414</v>
          </cell>
          <cell r="H417">
            <v>0</v>
          </cell>
        </row>
        <row r="418">
          <cell r="B418">
            <v>415</v>
          </cell>
          <cell r="H418">
            <v>0</v>
          </cell>
        </row>
        <row r="419">
          <cell r="B419">
            <v>416</v>
          </cell>
          <cell r="H419">
            <v>0</v>
          </cell>
        </row>
        <row r="420">
          <cell r="B420">
            <v>417</v>
          </cell>
          <cell r="H420">
            <v>0</v>
          </cell>
        </row>
        <row r="421">
          <cell r="B421">
            <v>418</v>
          </cell>
          <cell r="H421">
            <v>0</v>
          </cell>
        </row>
        <row r="422">
          <cell r="B422">
            <v>419</v>
          </cell>
          <cell r="H422">
            <v>0</v>
          </cell>
        </row>
        <row r="423">
          <cell r="B423">
            <v>420</v>
          </cell>
          <cell r="H423">
            <v>0</v>
          </cell>
        </row>
        <row r="424">
          <cell r="B424">
            <v>421</v>
          </cell>
          <cell r="H424">
            <v>0</v>
          </cell>
        </row>
        <row r="425">
          <cell r="B425">
            <v>422</v>
          </cell>
          <cell r="H425">
            <v>0</v>
          </cell>
        </row>
        <row r="426">
          <cell r="B426">
            <v>423</v>
          </cell>
          <cell r="H426">
            <v>0</v>
          </cell>
        </row>
        <row r="427">
          <cell r="B427">
            <v>424</v>
          </cell>
          <cell r="H427">
            <v>0</v>
          </cell>
        </row>
        <row r="428">
          <cell r="B428">
            <v>425</v>
          </cell>
          <cell r="H428">
            <v>0</v>
          </cell>
        </row>
        <row r="429">
          <cell r="B429">
            <v>426</v>
          </cell>
          <cell r="H429">
            <v>0</v>
          </cell>
        </row>
        <row r="430">
          <cell r="B430">
            <v>427</v>
          </cell>
          <cell r="H430">
            <v>0</v>
          </cell>
        </row>
        <row r="431">
          <cell r="B431">
            <v>428</v>
          </cell>
          <cell r="H431">
            <v>0</v>
          </cell>
        </row>
        <row r="432">
          <cell r="B432">
            <v>429</v>
          </cell>
          <cell r="H432">
            <v>0</v>
          </cell>
        </row>
        <row r="433">
          <cell r="B433">
            <v>430</v>
          </cell>
          <cell r="H433">
            <v>0</v>
          </cell>
        </row>
        <row r="434">
          <cell r="B434">
            <v>431</v>
          </cell>
          <cell r="H434">
            <v>0</v>
          </cell>
        </row>
        <row r="435">
          <cell r="B435">
            <v>432</v>
          </cell>
          <cell r="H435">
            <v>0</v>
          </cell>
        </row>
        <row r="436">
          <cell r="B436">
            <v>433</v>
          </cell>
          <cell r="H436">
            <v>0</v>
          </cell>
        </row>
        <row r="437">
          <cell r="B437">
            <v>434</v>
          </cell>
          <cell r="H437">
            <v>0</v>
          </cell>
        </row>
        <row r="438">
          <cell r="B438">
            <v>435</v>
          </cell>
          <cell r="H438">
            <v>0</v>
          </cell>
        </row>
        <row r="439">
          <cell r="B439">
            <v>436</v>
          </cell>
          <cell r="H439">
            <v>0</v>
          </cell>
        </row>
        <row r="440">
          <cell r="B440">
            <v>437</v>
          </cell>
          <cell r="H440">
            <v>0</v>
          </cell>
        </row>
        <row r="441">
          <cell r="B441">
            <v>438</v>
          </cell>
          <cell r="H441">
            <v>0</v>
          </cell>
        </row>
        <row r="442">
          <cell r="B442">
            <v>439</v>
          </cell>
          <cell r="H442">
            <v>0</v>
          </cell>
        </row>
        <row r="443">
          <cell r="B443">
            <v>440</v>
          </cell>
          <cell r="H443">
            <v>0</v>
          </cell>
        </row>
        <row r="444">
          <cell r="B444">
            <v>441</v>
          </cell>
          <cell r="H444">
            <v>0</v>
          </cell>
        </row>
        <row r="445">
          <cell r="B445">
            <v>442</v>
          </cell>
          <cell r="H445">
            <v>0</v>
          </cell>
        </row>
        <row r="446">
          <cell r="B446">
            <v>443</v>
          </cell>
          <cell r="H446">
            <v>0</v>
          </cell>
        </row>
        <row r="447">
          <cell r="B447">
            <v>444</v>
          </cell>
          <cell r="H447">
            <v>0</v>
          </cell>
        </row>
        <row r="448">
          <cell r="B448">
            <v>445</v>
          </cell>
          <cell r="H448">
            <v>0</v>
          </cell>
        </row>
        <row r="449">
          <cell r="B449">
            <v>446</v>
          </cell>
          <cell r="H449">
            <v>0</v>
          </cell>
        </row>
        <row r="450">
          <cell r="B450">
            <v>447</v>
          </cell>
          <cell r="H450">
            <v>0</v>
          </cell>
        </row>
        <row r="451">
          <cell r="B451">
            <v>448</v>
          </cell>
          <cell r="H451">
            <v>0</v>
          </cell>
        </row>
        <row r="452">
          <cell r="B452">
            <v>449</v>
          </cell>
          <cell r="H452">
            <v>0</v>
          </cell>
        </row>
        <row r="453">
          <cell r="B453">
            <v>450</v>
          </cell>
          <cell r="H453">
            <v>0</v>
          </cell>
        </row>
        <row r="454">
          <cell r="B454">
            <v>451</v>
          </cell>
          <cell r="H454">
            <v>0</v>
          </cell>
        </row>
        <row r="455">
          <cell r="B455">
            <v>452</v>
          </cell>
          <cell r="H455">
            <v>0</v>
          </cell>
        </row>
        <row r="456">
          <cell r="B456">
            <v>453</v>
          </cell>
          <cell r="H456">
            <v>0</v>
          </cell>
        </row>
        <row r="457">
          <cell r="B457">
            <v>454</v>
          </cell>
          <cell r="H457">
            <v>0</v>
          </cell>
        </row>
        <row r="458">
          <cell r="B458">
            <v>455</v>
          </cell>
          <cell r="H458">
            <v>0</v>
          </cell>
        </row>
        <row r="459">
          <cell r="B459">
            <v>456</v>
          </cell>
          <cell r="H459">
            <v>0</v>
          </cell>
        </row>
        <row r="460">
          <cell r="B460">
            <v>457</v>
          </cell>
          <cell r="H460">
            <v>0</v>
          </cell>
        </row>
        <row r="461">
          <cell r="B461">
            <v>458</v>
          </cell>
          <cell r="H461">
            <v>0</v>
          </cell>
        </row>
        <row r="462">
          <cell r="B462">
            <v>459</v>
          </cell>
          <cell r="H462">
            <v>0</v>
          </cell>
        </row>
        <row r="463">
          <cell r="B463">
            <v>460</v>
          </cell>
          <cell r="H463">
            <v>0</v>
          </cell>
        </row>
        <row r="464">
          <cell r="B464">
            <v>461</v>
          </cell>
          <cell r="H464">
            <v>0</v>
          </cell>
        </row>
        <row r="465">
          <cell r="B465">
            <v>462</v>
          </cell>
          <cell r="H465">
            <v>0</v>
          </cell>
        </row>
        <row r="466">
          <cell r="B466">
            <v>463</v>
          </cell>
          <cell r="H466">
            <v>0</v>
          </cell>
        </row>
        <row r="467">
          <cell r="B467">
            <v>464</v>
          </cell>
          <cell r="H467">
            <v>0</v>
          </cell>
        </row>
        <row r="468">
          <cell r="B468">
            <v>465</v>
          </cell>
          <cell r="H468">
            <v>0</v>
          </cell>
        </row>
        <row r="469">
          <cell r="B469">
            <v>466</v>
          </cell>
          <cell r="H469">
            <v>0</v>
          </cell>
        </row>
        <row r="470">
          <cell r="B470">
            <v>467</v>
          </cell>
          <cell r="H470">
            <v>0</v>
          </cell>
        </row>
        <row r="471">
          <cell r="B471">
            <v>468</v>
          </cell>
          <cell r="H471">
            <v>0</v>
          </cell>
        </row>
        <row r="472">
          <cell r="B472">
            <v>469</v>
          </cell>
          <cell r="H472">
            <v>0</v>
          </cell>
        </row>
        <row r="473">
          <cell r="B473">
            <v>470</v>
          </cell>
          <cell r="H473">
            <v>0</v>
          </cell>
        </row>
        <row r="474">
          <cell r="B474">
            <v>471</v>
          </cell>
          <cell r="H474">
            <v>0</v>
          </cell>
        </row>
        <row r="475">
          <cell r="B475">
            <v>472</v>
          </cell>
          <cell r="H475">
            <v>0</v>
          </cell>
        </row>
        <row r="476">
          <cell r="B476">
            <v>473</v>
          </cell>
          <cell r="H476">
            <v>0</v>
          </cell>
        </row>
        <row r="477">
          <cell r="B477">
            <v>474</v>
          </cell>
          <cell r="H477">
            <v>0</v>
          </cell>
        </row>
        <row r="478">
          <cell r="B478">
            <v>475</v>
          </cell>
          <cell r="H478">
            <v>0</v>
          </cell>
        </row>
        <row r="479">
          <cell r="B479">
            <v>476</v>
          </cell>
          <cell r="H479">
            <v>0</v>
          </cell>
        </row>
        <row r="480">
          <cell r="B480">
            <v>477</v>
          </cell>
          <cell r="H480">
            <v>0</v>
          </cell>
        </row>
        <row r="481">
          <cell r="B481">
            <v>478</v>
          </cell>
          <cell r="H481">
            <v>0</v>
          </cell>
        </row>
        <row r="482">
          <cell r="B482">
            <v>479</v>
          </cell>
          <cell r="H482">
            <v>0</v>
          </cell>
        </row>
        <row r="483">
          <cell r="B483">
            <v>480</v>
          </cell>
          <cell r="H483">
            <v>0</v>
          </cell>
        </row>
        <row r="484">
          <cell r="B484">
            <v>481</v>
          </cell>
          <cell r="H484">
            <v>0</v>
          </cell>
        </row>
        <row r="485">
          <cell r="B485">
            <v>482</v>
          </cell>
          <cell r="H485">
            <v>0</v>
          </cell>
        </row>
        <row r="486">
          <cell r="B486">
            <v>483</v>
          </cell>
          <cell r="H486">
            <v>0</v>
          </cell>
        </row>
        <row r="487">
          <cell r="B487">
            <v>484</v>
          </cell>
          <cell r="H487">
            <v>0</v>
          </cell>
        </row>
        <row r="488">
          <cell r="B488">
            <v>485</v>
          </cell>
          <cell r="H488">
            <v>0</v>
          </cell>
        </row>
        <row r="489">
          <cell r="B489">
            <v>486</v>
          </cell>
          <cell r="H489">
            <v>0</v>
          </cell>
        </row>
        <row r="490">
          <cell r="B490">
            <v>487</v>
          </cell>
          <cell r="H490">
            <v>0</v>
          </cell>
        </row>
        <row r="491">
          <cell r="B491">
            <v>488</v>
          </cell>
          <cell r="H491">
            <v>0</v>
          </cell>
        </row>
        <row r="492">
          <cell r="B492">
            <v>489</v>
          </cell>
          <cell r="H492">
            <v>0</v>
          </cell>
        </row>
        <row r="493">
          <cell r="B493">
            <v>490</v>
          </cell>
          <cell r="H493">
            <v>0</v>
          </cell>
        </row>
        <row r="494">
          <cell r="B494">
            <v>491</v>
          </cell>
          <cell r="H494">
            <v>0</v>
          </cell>
        </row>
        <row r="495">
          <cell r="B495">
            <v>492</v>
          </cell>
          <cell r="H495">
            <v>0</v>
          </cell>
        </row>
        <row r="496">
          <cell r="B496">
            <v>493</v>
          </cell>
          <cell r="H496">
            <v>0</v>
          </cell>
        </row>
        <row r="497">
          <cell r="B497">
            <v>494</v>
          </cell>
          <cell r="H497">
            <v>0</v>
          </cell>
        </row>
        <row r="498">
          <cell r="B498">
            <v>495</v>
          </cell>
          <cell r="H498">
            <v>0</v>
          </cell>
        </row>
        <row r="499">
          <cell r="B499">
            <v>496</v>
          </cell>
          <cell r="H499">
            <v>0</v>
          </cell>
        </row>
        <row r="500">
          <cell r="B500">
            <v>497</v>
          </cell>
          <cell r="H500">
            <v>0</v>
          </cell>
        </row>
        <row r="501">
          <cell r="B501">
            <v>498</v>
          </cell>
          <cell r="H501">
            <v>0</v>
          </cell>
        </row>
        <row r="502">
          <cell r="B502">
            <v>499</v>
          </cell>
          <cell r="H502">
            <v>0</v>
          </cell>
        </row>
        <row r="503">
          <cell r="B503">
            <v>500</v>
          </cell>
          <cell r="H503">
            <v>0</v>
          </cell>
        </row>
        <row r="504">
          <cell r="B504">
            <v>501</v>
          </cell>
          <cell r="D504" t="str">
            <v>削孔費</v>
          </cell>
          <cell r="E504" t="str">
            <v>φ157</v>
          </cell>
          <cell r="F504" t="str">
            <v>L=8.0m×15本</v>
          </cell>
          <cell r="G504" t="str">
            <v>m</v>
          </cell>
          <cell r="H504">
            <v>16000</v>
          </cell>
          <cell r="J504" t="str">
            <v>見積</v>
          </cell>
        </row>
        <row r="505">
          <cell r="B505">
            <v>502</v>
          </cell>
          <cell r="D505" t="str">
            <v>ストレーナ加工</v>
          </cell>
          <cell r="E505" t="str">
            <v>φ75</v>
          </cell>
          <cell r="F505" t="str">
            <v>L=2.0m</v>
          </cell>
          <cell r="G505" t="str">
            <v>本</v>
          </cell>
          <cell r="H505">
            <v>13000</v>
          </cell>
          <cell r="J505" t="str">
            <v>見積</v>
          </cell>
        </row>
        <row r="506">
          <cell r="B506">
            <v>503</v>
          </cell>
          <cell r="D506" t="str">
            <v>ポンプ設置・撤去</v>
          </cell>
          <cell r="E506" t="str">
            <v>φ100-3.7kW</v>
          </cell>
          <cell r="G506" t="str">
            <v>台</v>
          </cell>
          <cell r="H506">
            <v>39000</v>
          </cell>
          <cell r="J506" t="str">
            <v>見積</v>
          </cell>
        </row>
        <row r="507">
          <cell r="B507">
            <v>504</v>
          </cell>
          <cell r="D507" t="str">
            <v>ポンプ運転管理費</v>
          </cell>
          <cell r="E507" t="str">
            <v>φ100-3.7kW</v>
          </cell>
          <cell r="F507" t="str">
            <v>5台×300日</v>
          </cell>
          <cell r="G507" t="str">
            <v>台・日</v>
          </cell>
          <cell r="H507">
            <v>1600</v>
          </cell>
          <cell r="J507" t="str">
            <v>見積</v>
          </cell>
        </row>
        <row r="508">
          <cell r="B508">
            <v>505</v>
          </cell>
          <cell r="D508" t="str">
            <v>ポンプ損料</v>
          </cell>
          <cell r="E508" t="str">
            <v>φ100-3.7kW</v>
          </cell>
          <cell r="F508" t="str">
            <v>5台×300日</v>
          </cell>
          <cell r="G508" t="str">
            <v>台・日</v>
          </cell>
          <cell r="H508">
            <v>1400</v>
          </cell>
          <cell r="J508" t="str">
            <v>見積</v>
          </cell>
        </row>
        <row r="509">
          <cell r="B509">
            <v>506</v>
          </cell>
          <cell r="D509" t="str">
            <v>ノッチタンク設置・撤去</v>
          </cell>
          <cell r="E509" t="str">
            <v>2m3用</v>
          </cell>
          <cell r="G509" t="str">
            <v>台</v>
          </cell>
          <cell r="H509">
            <v>16000</v>
          </cell>
          <cell r="J509" t="str">
            <v>見積</v>
          </cell>
        </row>
        <row r="510">
          <cell r="B510">
            <v>507</v>
          </cell>
          <cell r="D510" t="str">
            <v>ノッチタンク損料</v>
          </cell>
          <cell r="E510" t="str">
            <v>2m3用</v>
          </cell>
          <cell r="F510" t="str">
            <v>2台×300日</v>
          </cell>
          <cell r="G510" t="str">
            <v>台・日</v>
          </cell>
          <cell r="H510">
            <v>600</v>
          </cell>
          <cell r="J510" t="str">
            <v>見積</v>
          </cell>
        </row>
        <row r="511">
          <cell r="B511">
            <v>508</v>
          </cell>
          <cell r="D511" t="str">
            <v>屋外灯灯具</v>
          </cell>
          <cell r="G511" t="str">
            <v>基</v>
          </cell>
          <cell r="H511">
            <v>140000</v>
          </cell>
          <cell r="J511" t="str">
            <v>見積</v>
          </cell>
        </row>
        <row r="512">
          <cell r="B512">
            <v>509</v>
          </cell>
          <cell r="D512" t="str">
            <v>屋外灯ポール</v>
          </cell>
          <cell r="G512" t="str">
            <v>本</v>
          </cell>
          <cell r="H512">
            <v>108000</v>
          </cell>
          <cell r="J512" t="str">
            <v>見積</v>
          </cell>
        </row>
        <row r="513">
          <cell r="B513">
            <v>510</v>
          </cell>
          <cell r="D513" t="str">
            <v>屋外灯設置工</v>
          </cell>
          <cell r="G513" t="str">
            <v>箇所</v>
          </cell>
          <cell r="H513">
            <v>70000</v>
          </cell>
          <cell r="J513" t="str">
            <v>見積</v>
          </cell>
        </row>
        <row r="514">
          <cell r="B514">
            <v>511</v>
          </cell>
          <cell r="D514" t="str">
            <v>ラッパ口</v>
          </cell>
          <cell r="E514" t="str">
            <v>SUS304 Sch10ｓ</v>
          </cell>
          <cell r="F514" t="str">
            <v>400A</v>
          </cell>
          <cell r="G514" t="str">
            <v>本</v>
          </cell>
          <cell r="H514">
            <v>450000</v>
          </cell>
          <cell r="J514" t="str">
            <v>見積</v>
          </cell>
          <cell r="L514">
            <v>450000</v>
          </cell>
        </row>
        <row r="515">
          <cell r="B515">
            <v>512</v>
          </cell>
          <cell r="D515" t="str">
            <v>2F直管</v>
          </cell>
          <cell r="E515" t="str">
            <v>SUS304 Sch10ｓ</v>
          </cell>
          <cell r="F515" t="str">
            <v>400A</v>
          </cell>
          <cell r="G515" t="str">
            <v>本</v>
          </cell>
          <cell r="H515">
            <v>350000</v>
          </cell>
          <cell r="J515" t="str">
            <v>見積</v>
          </cell>
          <cell r="L515">
            <v>350000</v>
          </cell>
        </row>
        <row r="516">
          <cell r="B516">
            <v>513</v>
          </cell>
          <cell r="D516" t="str">
            <v>2F直管</v>
          </cell>
          <cell r="E516" t="str">
            <v>SUS304 Sch10ｓ</v>
          </cell>
          <cell r="F516" t="str">
            <v>400A 止水板付</v>
          </cell>
          <cell r="G516" t="str">
            <v>本</v>
          </cell>
          <cell r="H516">
            <v>400000</v>
          </cell>
          <cell r="J516" t="str">
            <v>見積</v>
          </cell>
          <cell r="L516">
            <v>400000</v>
          </cell>
        </row>
        <row r="517">
          <cell r="B517">
            <v>514</v>
          </cell>
          <cell r="D517" t="str">
            <v>2F曲管</v>
          </cell>
          <cell r="E517" t="str">
            <v>SUS304 Sch10ｓ</v>
          </cell>
          <cell r="F517" t="str">
            <v>400A 90°</v>
          </cell>
          <cell r="G517" t="str">
            <v>本</v>
          </cell>
          <cell r="H517">
            <v>500000</v>
          </cell>
          <cell r="J517" t="str">
            <v>見積</v>
          </cell>
          <cell r="L517">
            <v>500000</v>
          </cell>
        </row>
        <row r="518">
          <cell r="B518">
            <v>515</v>
          </cell>
          <cell r="H518">
            <v>0</v>
          </cell>
          <cell r="L518">
            <v>0</v>
          </cell>
        </row>
        <row r="519">
          <cell r="B519">
            <v>516</v>
          </cell>
          <cell r="D519" t="str">
            <v>2F短管</v>
          </cell>
          <cell r="E519" t="str">
            <v>SUS304 Sch10ｓ</v>
          </cell>
          <cell r="F519" t="str">
            <v>800A 止水板付</v>
          </cell>
          <cell r="G519" t="str">
            <v>本</v>
          </cell>
          <cell r="H519">
            <v>1790000</v>
          </cell>
          <cell r="J519" t="str">
            <v>見積</v>
          </cell>
          <cell r="L519">
            <v>1790000</v>
          </cell>
        </row>
        <row r="520">
          <cell r="B520">
            <v>517</v>
          </cell>
          <cell r="D520" t="str">
            <v>1F短管</v>
          </cell>
          <cell r="E520" t="str">
            <v>SUS304 Sch10ｓ</v>
          </cell>
          <cell r="F520" t="str">
            <v>800A ラッパ口付</v>
          </cell>
          <cell r="G520" t="str">
            <v>本</v>
          </cell>
          <cell r="H520">
            <v>1559000</v>
          </cell>
          <cell r="J520" t="str">
            <v>見積</v>
          </cell>
          <cell r="L520">
            <v>1559000</v>
          </cell>
        </row>
        <row r="521">
          <cell r="B521">
            <v>518</v>
          </cell>
          <cell r="D521" t="str">
            <v>2F曲管</v>
          </cell>
          <cell r="E521" t="str">
            <v>SUS304 Sch10ｓ</v>
          </cell>
          <cell r="F521" t="str">
            <v>800A 90°</v>
          </cell>
          <cell r="G521" t="str">
            <v>本</v>
          </cell>
          <cell r="H521">
            <v>3131000</v>
          </cell>
          <cell r="J521" t="str">
            <v>見積</v>
          </cell>
          <cell r="L521">
            <v>3131000</v>
          </cell>
        </row>
        <row r="522">
          <cell r="B522">
            <v>519</v>
          </cell>
          <cell r="D522" t="str">
            <v>2F短管</v>
          </cell>
          <cell r="E522" t="str">
            <v>DIP</v>
          </cell>
          <cell r="F522" t="str">
            <v>800A 止水板付</v>
          </cell>
          <cell r="G522" t="str">
            <v>本</v>
          </cell>
          <cell r="H522">
            <v>761000</v>
          </cell>
          <cell r="J522" t="str">
            <v>見積</v>
          </cell>
          <cell r="L522">
            <v>761000</v>
          </cell>
        </row>
        <row r="523">
          <cell r="B523">
            <v>520</v>
          </cell>
          <cell r="D523" t="str">
            <v>2F曲管</v>
          </cell>
          <cell r="E523" t="str">
            <v>DIP</v>
          </cell>
          <cell r="F523" t="str">
            <v>φ800 90° GF7.5k</v>
          </cell>
          <cell r="G523" t="str">
            <v>本</v>
          </cell>
          <cell r="H523">
            <v>777000</v>
          </cell>
          <cell r="J523" t="str">
            <v>ｶﾀﾛｸﾞ</v>
          </cell>
          <cell r="L523">
            <v>777000</v>
          </cell>
        </row>
        <row r="524">
          <cell r="B524">
            <v>521</v>
          </cell>
          <cell r="D524" t="str">
            <v>フランジアダプター</v>
          </cell>
          <cell r="E524" t="str">
            <v>φ800</v>
          </cell>
          <cell r="G524" t="str">
            <v>本</v>
          </cell>
          <cell r="H524">
            <v>1696000</v>
          </cell>
          <cell r="J524" t="str">
            <v>ｶﾀﾛｸﾞ</v>
          </cell>
          <cell r="L524">
            <v>1696000</v>
          </cell>
        </row>
        <row r="525">
          <cell r="B525">
            <v>522</v>
          </cell>
          <cell r="H525">
            <v>0</v>
          </cell>
          <cell r="L525">
            <v>0</v>
          </cell>
        </row>
        <row r="526">
          <cell r="B526">
            <v>523</v>
          </cell>
          <cell r="D526" t="str">
            <v>2F短管</v>
          </cell>
          <cell r="E526" t="str">
            <v>SUS304 Sch10ｓ</v>
          </cell>
          <cell r="F526" t="str">
            <v>600A 止水板付</v>
          </cell>
          <cell r="G526" t="str">
            <v>本</v>
          </cell>
          <cell r="H526">
            <v>947000</v>
          </cell>
          <cell r="J526" t="str">
            <v>見積</v>
          </cell>
          <cell r="L526">
            <v>947000</v>
          </cell>
        </row>
        <row r="527">
          <cell r="B527">
            <v>524</v>
          </cell>
          <cell r="D527" t="str">
            <v>1F短管</v>
          </cell>
          <cell r="E527" t="str">
            <v>SUS304 Sch10ｓ</v>
          </cell>
          <cell r="F527" t="str">
            <v>600A ラッパ口付</v>
          </cell>
          <cell r="G527" t="str">
            <v>本</v>
          </cell>
          <cell r="H527">
            <v>993000</v>
          </cell>
          <cell r="J527" t="str">
            <v>見積</v>
          </cell>
          <cell r="L527">
            <v>993000</v>
          </cell>
        </row>
        <row r="528">
          <cell r="B528">
            <v>525</v>
          </cell>
          <cell r="D528" t="str">
            <v>2F曲管</v>
          </cell>
          <cell r="E528" t="str">
            <v>SUS304 Sch10ｓ</v>
          </cell>
          <cell r="F528" t="str">
            <v>600A 90°</v>
          </cell>
          <cell r="G528" t="str">
            <v>本</v>
          </cell>
          <cell r="H528">
            <v>1516000</v>
          </cell>
          <cell r="J528" t="str">
            <v>見積</v>
          </cell>
          <cell r="L528">
            <v>1516000</v>
          </cell>
        </row>
        <row r="529">
          <cell r="B529">
            <v>526</v>
          </cell>
          <cell r="D529" t="str">
            <v>1Fラッパ口</v>
          </cell>
          <cell r="E529" t="str">
            <v>SUS304 Sch10ｓ</v>
          </cell>
          <cell r="F529" t="str">
            <v>600A</v>
          </cell>
          <cell r="G529" t="str">
            <v>本</v>
          </cell>
          <cell r="H529">
            <v>709000</v>
          </cell>
          <cell r="J529" t="str">
            <v>見積</v>
          </cell>
          <cell r="L529">
            <v>709000</v>
          </cell>
        </row>
        <row r="530">
          <cell r="B530">
            <v>527</v>
          </cell>
          <cell r="D530" t="str">
            <v>2F短管</v>
          </cell>
          <cell r="E530" t="str">
            <v>DIP</v>
          </cell>
          <cell r="F530" t="str">
            <v>φ600 止水板付</v>
          </cell>
          <cell r="G530" t="str">
            <v>本</v>
          </cell>
          <cell r="H530">
            <v>494000</v>
          </cell>
          <cell r="J530" t="str">
            <v>見積</v>
          </cell>
          <cell r="L530">
            <v>494000</v>
          </cell>
        </row>
        <row r="531">
          <cell r="B531">
            <v>528</v>
          </cell>
          <cell r="D531" t="str">
            <v>2F曲管</v>
          </cell>
          <cell r="E531" t="str">
            <v>DIP</v>
          </cell>
          <cell r="F531" t="str">
            <v>φ600 90°GF7.5k</v>
          </cell>
          <cell r="G531" t="str">
            <v>本</v>
          </cell>
          <cell r="H531">
            <v>410000</v>
          </cell>
          <cell r="J531" t="str">
            <v>ｶﾀﾛｸﾞ</v>
          </cell>
          <cell r="L531">
            <v>410000</v>
          </cell>
        </row>
        <row r="532">
          <cell r="B532">
            <v>529</v>
          </cell>
          <cell r="D532" t="str">
            <v>フランジアダプター</v>
          </cell>
          <cell r="E532" t="str">
            <v>φ600</v>
          </cell>
          <cell r="G532" t="str">
            <v>本</v>
          </cell>
          <cell r="H532">
            <v>1074000</v>
          </cell>
          <cell r="J532" t="str">
            <v>ｶﾀﾛｸﾞ</v>
          </cell>
          <cell r="L532">
            <v>1074000</v>
          </cell>
        </row>
        <row r="533">
          <cell r="B533">
            <v>530</v>
          </cell>
          <cell r="D533" t="str">
            <v>バタフライ弁</v>
          </cell>
          <cell r="E533" t="str">
            <v>φ600</v>
          </cell>
          <cell r="G533" t="str">
            <v>基</v>
          </cell>
          <cell r="H533">
            <v>4088000</v>
          </cell>
          <cell r="J533" t="str">
            <v>ｶﾀﾛｸﾞ</v>
          </cell>
          <cell r="L533">
            <v>4088000</v>
          </cell>
        </row>
        <row r="534">
          <cell r="B534">
            <v>531</v>
          </cell>
          <cell r="H534">
            <v>0</v>
          </cell>
          <cell r="L534">
            <v>0</v>
          </cell>
        </row>
        <row r="535">
          <cell r="B535">
            <v>532</v>
          </cell>
          <cell r="D535" t="str">
            <v>2F短管</v>
          </cell>
          <cell r="E535" t="str">
            <v>SUS304 Sch10ｓ</v>
          </cell>
          <cell r="F535" t="str">
            <v>1000A 止水板付</v>
          </cell>
          <cell r="G535" t="str">
            <v>本</v>
          </cell>
          <cell r="H535">
            <v>2905000</v>
          </cell>
          <cell r="J535" t="str">
            <v>見積</v>
          </cell>
          <cell r="L535">
            <v>2905000</v>
          </cell>
        </row>
        <row r="536">
          <cell r="B536">
            <v>533</v>
          </cell>
          <cell r="D536" t="str">
            <v>1Fラッパ口</v>
          </cell>
          <cell r="E536" t="str">
            <v>SUS304 Sch10ｓ</v>
          </cell>
          <cell r="F536" t="str">
            <v>1000A</v>
          </cell>
          <cell r="G536" t="str">
            <v>本</v>
          </cell>
          <cell r="H536">
            <v>2093000</v>
          </cell>
          <cell r="J536" t="str">
            <v>見積</v>
          </cell>
          <cell r="L536">
            <v>2093000</v>
          </cell>
        </row>
        <row r="537">
          <cell r="B537">
            <v>534</v>
          </cell>
          <cell r="D537" t="str">
            <v>2F短管</v>
          </cell>
          <cell r="E537" t="str">
            <v>DIP</v>
          </cell>
          <cell r="F537" t="str">
            <v>φ1000 止水板付</v>
          </cell>
          <cell r="G537" t="str">
            <v>本</v>
          </cell>
          <cell r="H537">
            <v>1128000</v>
          </cell>
          <cell r="J537" t="str">
            <v>見積</v>
          </cell>
          <cell r="L537">
            <v>1128000</v>
          </cell>
        </row>
        <row r="538">
          <cell r="B538">
            <v>535</v>
          </cell>
          <cell r="D538" t="str">
            <v>2F曲管</v>
          </cell>
          <cell r="E538" t="str">
            <v>DIP</v>
          </cell>
          <cell r="F538" t="str">
            <v>φ1000 　90°GF7.5k</v>
          </cell>
          <cell r="G538" t="str">
            <v>本</v>
          </cell>
          <cell r="H538">
            <v>1252000</v>
          </cell>
          <cell r="J538" t="str">
            <v>ｶﾀﾛｸﾞ</v>
          </cell>
          <cell r="L538">
            <v>1252000</v>
          </cell>
        </row>
        <row r="539">
          <cell r="B539">
            <v>536</v>
          </cell>
          <cell r="D539" t="str">
            <v>フランジアダプター</v>
          </cell>
          <cell r="E539" t="str">
            <v>φ1000</v>
          </cell>
          <cell r="G539" t="str">
            <v>本</v>
          </cell>
          <cell r="H539">
            <v>2591000</v>
          </cell>
          <cell r="J539" t="str">
            <v>ｶﾀﾛｸﾞ</v>
          </cell>
          <cell r="L539">
            <v>2591000</v>
          </cell>
        </row>
        <row r="540">
          <cell r="B540">
            <v>537</v>
          </cell>
          <cell r="H540">
            <v>0</v>
          </cell>
          <cell r="L540">
            <v>0</v>
          </cell>
        </row>
        <row r="541">
          <cell r="B541">
            <v>538</v>
          </cell>
          <cell r="D541" t="str">
            <v>1F直管</v>
          </cell>
          <cell r="E541" t="str">
            <v>SUS304 Sch10ｓ</v>
          </cell>
          <cell r="F541" t="str">
            <v>200A 止水板付</v>
          </cell>
          <cell r="G541" t="str">
            <v>本</v>
          </cell>
          <cell r="H541">
            <v>75000</v>
          </cell>
          <cell r="J541" t="str">
            <v>見積</v>
          </cell>
          <cell r="L541">
            <v>75000</v>
          </cell>
        </row>
        <row r="542">
          <cell r="B542">
            <v>539</v>
          </cell>
          <cell r="D542" t="str">
            <v>レイタンス斫り工</v>
          </cell>
          <cell r="G542" t="str">
            <v>m2</v>
          </cell>
          <cell r="H542">
            <v>5000</v>
          </cell>
          <cell r="J542" t="str">
            <v>見積</v>
          </cell>
        </row>
        <row r="543">
          <cell r="B543">
            <v>540</v>
          </cell>
          <cell r="D543" t="str">
            <v>金ゴテ仕上げ工</v>
          </cell>
          <cell r="E543" t="str">
            <v>3回仕上工</v>
          </cell>
          <cell r="G543" t="str">
            <v>m2</v>
          </cell>
          <cell r="H543">
            <v>1200</v>
          </cell>
          <cell r="J543" t="str">
            <v>見積</v>
          </cell>
        </row>
        <row r="544">
          <cell r="B544">
            <v>541</v>
          </cell>
          <cell r="D544" t="str">
            <v>登り桟橋工(手摺先行型枠組み足場)</v>
          </cell>
          <cell r="E544" t="str">
            <v>設置+撤去+損料</v>
          </cell>
          <cell r="F544" t="str">
            <v>H=6.6m</v>
          </cell>
          <cell r="G544" t="str">
            <v>箇所</v>
          </cell>
          <cell r="H544">
            <v>200000</v>
          </cell>
          <cell r="J544" t="str">
            <v>見積</v>
          </cell>
        </row>
        <row r="545">
          <cell r="B545">
            <v>542</v>
          </cell>
          <cell r="D545" t="str">
            <v>登り桟橋工(手摺先行型枠組み足場)</v>
          </cell>
          <cell r="E545" t="str">
            <v>設置+撤去+損料</v>
          </cell>
          <cell r="F545" t="str">
            <v>H=5.4m</v>
          </cell>
          <cell r="G545" t="str">
            <v>箇所</v>
          </cell>
          <cell r="H545">
            <v>200000</v>
          </cell>
          <cell r="J545" t="str">
            <v>見積</v>
          </cell>
        </row>
        <row r="546">
          <cell r="B546">
            <v>543</v>
          </cell>
          <cell r="D546" t="str">
            <v>打継目防水工</v>
          </cell>
          <cell r="G546" t="str">
            <v>m</v>
          </cell>
          <cell r="H546">
            <v>1800</v>
          </cell>
          <cell r="J546" t="str">
            <v>見積</v>
          </cell>
        </row>
        <row r="547">
          <cell r="B547">
            <v>544</v>
          </cell>
          <cell r="D547" t="str">
            <v>木コン跡処理工</v>
          </cell>
          <cell r="G547" t="str">
            <v>箇所</v>
          </cell>
          <cell r="H547">
            <v>700</v>
          </cell>
          <cell r="J547" t="str">
            <v>見積</v>
          </cell>
        </row>
        <row r="548">
          <cell r="B548">
            <v>545</v>
          </cell>
          <cell r="D548" t="str">
            <v>表面仕上工</v>
          </cell>
          <cell r="G548" t="str">
            <v>m2</v>
          </cell>
          <cell r="H548">
            <v>1300</v>
          </cell>
          <cell r="J548" t="str">
            <v>見積</v>
          </cell>
        </row>
        <row r="549">
          <cell r="B549">
            <v>546</v>
          </cell>
          <cell r="D549" t="str">
            <v>横締PCケーブル工</v>
          </cell>
          <cell r="G549" t="str">
            <v>t</v>
          </cell>
          <cell r="H549">
            <v>1257000</v>
          </cell>
          <cell r="J549" t="str">
            <v>見積</v>
          </cell>
        </row>
        <row r="550">
          <cell r="B550">
            <v>547</v>
          </cell>
          <cell r="D550" t="str">
            <v>横締PCケーブル緊張工</v>
          </cell>
          <cell r="G550" t="str">
            <v>箇所</v>
          </cell>
          <cell r="H550">
            <v>20000</v>
          </cell>
          <cell r="J550" t="str">
            <v>見積</v>
          </cell>
        </row>
        <row r="551">
          <cell r="B551">
            <v>548</v>
          </cell>
          <cell r="D551" t="str">
            <v>縦締PCケーブル工</v>
          </cell>
          <cell r="G551" t="str">
            <v>t</v>
          </cell>
          <cell r="H551">
            <v>787000</v>
          </cell>
          <cell r="J551" t="str">
            <v>見積</v>
          </cell>
        </row>
        <row r="552">
          <cell r="B552">
            <v>549</v>
          </cell>
          <cell r="D552" t="str">
            <v>縦締PCケーブル緊張工</v>
          </cell>
          <cell r="G552" t="str">
            <v>箇所</v>
          </cell>
          <cell r="H552">
            <v>20000</v>
          </cell>
          <cell r="J552" t="str">
            <v>見積</v>
          </cell>
        </row>
        <row r="553">
          <cell r="B553">
            <v>550</v>
          </cell>
          <cell r="D553" t="str">
            <v>縦締PCケーブル固定工</v>
          </cell>
          <cell r="G553" t="str">
            <v>箇所</v>
          </cell>
          <cell r="H553">
            <v>10000</v>
          </cell>
          <cell r="J553" t="str">
            <v>見積</v>
          </cell>
        </row>
        <row r="554">
          <cell r="B554">
            <v>551</v>
          </cell>
          <cell r="D554" t="str">
            <v>横締用機械器具損料</v>
          </cell>
          <cell r="G554" t="str">
            <v>式</v>
          </cell>
          <cell r="H554">
            <v>250000</v>
          </cell>
          <cell r="J554" t="str">
            <v>見積</v>
          </cell>
        </row>
        <row r="555">
          <cell r="B555">
            <v>552</v>
          </cell>
          <cell r="D555" t="str">
            <v>縦締用機械器具損料</v>
          </cell>
          <cell r="G555" t="str">
            <v>式</v>
          </cell>
          <cell r="H555">
            <v>270000</v>
          </cell>
          <cell r="J555" t="str">
            <v>見積</v>
          </cell>
        </row>
        <row r="556">
          <cell r="B556">
            <v>553</v>
          </cell>
          <cell r="D556" t="str">
            <v>裏面仕上工</v>
          </cell>
          <cell r="G556" t="str">
            <v>m2</v>
          </cell>
          <cell r="H556">
            <v>1300</v>
          </cell>
          <cell r="J556" t="str">
            <v>見積</v>
          </cell>
        </row>
        <row r="557">
          <cell r="B557">
            <v>554</v>
          </cell>
          <cell r="D557" t="str">
            <v>足場組替工</v>
          </cell>
          <cell r="G557" t="str">
            <v>m2</v>
          </cell>
          <cell r="H557">
            <v>2500</v>
          </cell>
          <cell r="J557" t="str">
            <v>見積</v>
          </cell>
        </row>
        <row r="558">
          <cell r="B558">
            <v>555</v>
          </cell>
          <cell r="D558" t="str">
            <v>外面塗装工</v>
          </cell>
          <cell r="E558" t="str">
            <v>弾性吹付タイル</v>
          </cell>
          <cell r="G558" t="str">
            <v>m2</v>
          </cell>
          <cell r="H558">
            <v>4000</v>
          </cell>
          <cell r="J558" t="str">
            <v>見積</v>
          </cell>
        </row>
        <row r="559">
          <cell r="B559">
            <v>556</v>
          </cell>
          <cell r="D559" t="str">
            <v>屋上防水工</v>
          </cell>
          <cell r="E559" t="str">
            <v>超速硬化ウレタン</v>
          </cell>
          <cell r="G559" t="str">
            <v>m2</v>
          </cell>
          <cell r="H559">
            <v>11000</v>
          </cell>
          <cell r="J559" t="str">
            <v>見積</v>
          </cell>
        </row>
        <row r="560">
          <cell r="B560">
            <v>557</v>
          </cell>
          <cell r="D560" t="str">
            <v>外部梯子工</v>
          </cell>
          <cell r="E560" t="str">
            <v>SUS304</v>
          </cell>
          <cell r="F560" t="str">
            <v>背もたれつき</v>
          </cell>
          <cell r="G560" t="str">
            <v>基</v>
          </cell>
          <cell r="H560">
            <v>500000</v>
          </cell>
          <cell r="J560" t="str">
            <v>見積</v>
          </cell>
        </row>
        <row r="561">
          <cell r="B561">
            <v>558</v>
          </cell>
          <cell r="D561" t="str">
            <v>内部梯子工</v>
          </cell>
          <cell r="E561" t="str">
            <v>SUS316</v>
          </cell>
          <cell r="F561" t="str">
            <v>背もたれつき</v>
          </cell>
          <cell r="G561" t="str">
            <v>基</v>
          </cell>
          <cell r="H561">
            <v>650000</v>
          </cell>
          <cell r="J561" t="str">
            <v>見積</v>
          </cell>
        </row>
        <row r="562">
          <cell r="B562">
            <v>559</v>
          </cell>
          <cell r="D562" t="str">
            <v>人孔工</v>
          </cell>
          <cell r="E562" t="str">
            <v>SUS316</v>
          </cell>
          <cell r="F562" t="str">
            <v>蓋付　□700×700</v>
          </cell>
          <cell r="G562" t="str">
            <v>基</v>
          </cell>
          <cell r="H562">
            <v>350000</v>
          </cell>
          <cell r="J562" t="str">
            <v>見積</v>
          </cell>
        </row>
        <row r="563">
          <cell r="B563">
            <v>560</v>
          </cell>
          <cell r="D563" t="str">
            <v>換気塔工</v>
          </cell>
          <cell r="G563" t="str">
            <v>基</v>
          </cell>
          <cell r="H563">
            <v>750000</v>
          </cell>
          <cell r="J563" t="str">
            <v>見積</v>
          </cell>
        </row>
        <row r="564">
          <cell r="B564">
            <v>561</v>
          </cell>
          <cell r="D564" t="str">
            <v>雨水樋工</v>
          </cell>
          <cell r="E564" t="str">
            <v>VPφ100</v>
          </cell>
          <cell r="F564" t="str">
            <v>ルーフドレイン付</v>
          </cell>
          <cell r="G564" t="str">
            <v>箇所</v>
          </cell>
          <cell r="H564">
            <v>100000</v>
          </cell>
          <cell r="J564" t="str">
            <v>見積</v>
          </cell>
        </row>
        <row r="565">
          <cell r="B565">
            <v>562</v>
          </cell>
          <cell r="D565" t="str">
            <v>会所工</v>
          </cell>
          <cell r="E565" t="str">
            <v>□300×3000</v>
          </cell>
          <cell r="F565" t="str">
            <v>コンクリート二次製品</v>
          </cell>
          <cell r="G565" t="str">
            <v>箇所</v>
          </cell>
          <cell r="H565">
            <v>100000</v>
          </cell>
          <cell r="J565" t="str">
            <v>見積</v>
          </cell>
        </row>
        <row r="566">
          <cell r="B566">
            <v>563</v>
          </cell>
          <cell r="D566" t="str">
            <v>手摺工</v>
          </cell>
          <cell r="E566" t="str">
            <v>H=1100</v>
          </cell>
          <cell r="G566" t="str">
            <v>m</v>
          </cell>
          <cell r="H566">
            <v>45000</v>
          </cell>
          <cell r="J566" t="str">
            <v>見積</v>
          </cell>
        </row>
        <row r="567">
          <cell r="B567">
            <v>564</v>
          </cell>
          <cell r="D567" t="str">
            <v>手摺工</v>
          </cell>
          <cell r="H567">
            <v>0</v>
          </cell>
          <cell r="J567" t="str">
            <v>見積</v>
          </cell>
        </row>
        <row r="568">
          <cell r="B568">
            <v>565</v>
          </cell>
          <cell r="D568" t="str">
            <v>不断水割T字管</v>
          </cell>
          <cell r="E568" t="str">
            <v>鋼管用　800A×φ800</v>
          </cell>
          <cell r="F568" t="str">
            <v>バタフライ弁付</v>
          </cell>
          <cell r="G568" t="str">
            <v>基</v>
          </cell>
          <cell r="H568">
            <v>10600000</v>
          </cell>
          <cell r="J568" t="str">
            <v>見積</v>
          </cell>
          <cell r="L568">
            <v>10600000</v>
          </cell>
        </row>
        <row r="569">
          <cell r="B569">
            <v>566</v>
          </cell>
          <cell r="D569" t="str">
            <v>不断水割T字管設置工</v>
          </cell>
          <cell r="E569" t="str">
            <v>鋼管用　800A×φ800</v>
          </cell>
          <cell r="F569" t="str">
            <v>バタフライ弁付</v>
          </cell>
          <cell r="G569" t="str">
            <v>箇所</v>
          </cell>
          <cell r="H569">
            <v>5000000</v>
          </cell>
          <cell r="J569" t="str">
            <v>見積</v>
          </cell>
        </row>
        <row r="570">
          <cell r="B570">
            <v>567</v>
          </cell>
          <cell r="H570">
            <v>0</v>
          </cell>
        </row>
        <row r="571">
          <cell r="B571">
            <v>568</v>
          </cell>
          <cell r="H571">
            <v>0</v>
          </cell>
        </row>
        <row r="572">
          <cell r="B572">
            <v>569</v>
          </cell>
          <cell r="H572">
            <v>0</v>
          </cell>
        </row>
        <row r="573">
          <cell r="B573">
            <v>570</v>
          </cell>
          <cell r="H573">
            <v>0</v>
          </cell>
        </row>
        <row r="574">
          <cell r="B574">
            <v>571</v>
          </cell>
          <cell r="H574">
            <v>0</v>
          </cell>
        </row>
        <row r="575">
          <cell r="B575">
            <v>572</v>
          </cell>
          <cell r="H575">
            <v>0</v>
          </cell>
        </row>
        <row r="576">
          <cell r="B576">
            <v>573</v>
          </cell>
          <cell r="H576">
            <v>0</v>
          </cell>
        </row>
        <row r="577">
          <cell r="B577">
            <v>574</v>
          </cell>
          <cell r="H577">
            <v>0</v>
          </cell>
        </row>
        <row r="578">
          <cell r="B578">
            <v>575</v>
          </cell>
          <cell r="H578">
            <v>0</v>
          </cell>
        </row>
        <row r="579">
          <cell r="B579">
            <v>576</v>
          </cell>
          <cell r="H579">
            <v>0</v>
          </cell>
        </row>
        <row r="580">
          <cell r="B580">
            <v>577</v>
          </cell>
          <cell r="H580">
            <v>0</v>
          </cell>
        </row>
        <row r="581">
          <cell r="B581">
            <v>578</v>
          </cell>
          <cell r="H581">
            <v>0</v>
          </cell>
        </row>
        <row r="582">
          <cell r="B582">
            <v>579</v>
          </cell>
          <cell r="H582">
            <v>0</v>
          </cell>
        </row>
        <row r="583">
          <cell r="B583">
            <v>580</v>
          </cell>
          <cell r="H583">
            <v>0</v>
          </cell>
        </row>
        <row r="584">
          <cell r="B584">
            <v>581</v>
          </cell>
          <cell r="H584">
            <v>0</v>
          </cell>
        </row>
        <row r="585">
          <cell r="B585">
            <v>582</v>
          </cell>
          <cell r="H585">
            <v>0</v>
          </cell>
        </row>
        <row r="586">
          <cell r="B586">
            <v>583</v>
          </cell>
          <cell r="H586">
            <v>0</v>
          </cell>
        </row>
        <row r="587">
          <cell r="B587">
            <v>584</v>
          </cell>
          <cell r="H587">
            <v>0</v>
          </cell>
        </row>
        <row r="588">
          <cell r="B588">
            <v>585</v>
          </cell>
          <cell r="H588">
            <v>0</v>
          </cell>
        </row>
        <row r="589">
          <cell r="B589">
            <v>586</v>
          </cell>
          <cell r="H589">
            <v>0</v>
          </cell>
        </row>
        <row r="590">
          <cell r="B590">
            <v>587</v>
          </cell>
          <cell r="H590">
            <v>0</v>
          </cell>
        </row>
        <row r="591">
          <cell r="B591">
            <v>588</v>
          </cell>
          <cell r="H591">
            <v>0</v>
          </cell>
        </row>
        <row r="592">
          <cell r="B592">
            <v>589</v>
          </cell>
          <cell r="H592">
            <v>0</v>
          </cell>
        </row>
        <row r="593">
          <cell r="B593">
            <v>590</v>
          </cell>
          <cell r="H593">
            <v>0</v>
          </cell>
        </row>
        <row r="594">
          <cell r="B594">
            <v>591</v>
          </cell>
          <cell r="H594">
            <v>0</v>
          </cell>
        </row>
        <row r="595">
          <cell r="B595">
            <v>592</v>
          </cell>
          <cell r="H595">
            <v>0</v>
          </cell>
        </row>
        <row r="596">
          <cell r="B596">
            <v>593</v>
          </cell>
          <cell r="H596">
            <v>0</v>
          </cell>
        </row>
        <row r="597">
          <cell r="B597">
            <v>594</v>
          </cell>
          <cell r="H597">
            <v>0</v>
          </cell>
        </row>
        <row r="598">
          <cell r="B598">
            <v>595</v>
          </cell>
          <cell r="H598">
            <v>0</v>
          </cell>
        </row>
        <row r="599">
          <cell r="B599">
            <v>596</v>
          </cell>
          <cell r="H599">
            <v>0</v>
          </cell>
        </row>
        <row r="600">
          <cell r="B600">
            <v>597</v>
          </cell>
          <cell r="H600">
            <v>0</v>
          </cell>
        </row>
        <row r="601">
          <cell r="B601">
            <v>598</v>
          </cell>
          <cell r="H601">
            <v>0</v>
          </cell>
        </row>
        <row r="602">
          <cell r="B602">
            <v>599</v>
          </cell>
          <cell r="H602">
            <v>0</v>
          </cell>
        </row>
        <row r="603">
          <cell r="B603">
            <v>600</v>
          </cell>
          <cell r="H603">
            <v>0</v>
          </cell>
        </row>
        <row r="604">
          <cell r="B604">
            <v>601</v>
          </cell>
          <cell r="H604">
            <v>0</v>
          </cell>
        </row>
        <row r="605">
          <cell r="B605">
            <v>602</v>
          </cell>
          <cell r="H605">
            <v>0</v>
          </cell>
        </row>
        <row r="606">
          <cell r="B606">
            <v>603</v>
          </cell>
          <cell r="H606">
            <v>0</v>
          </cell>
        </row>
        <row r="607">
          <cell r="B607">
            <v>604</v>
          </cell>
          <cell r="H607">
            <v>0</v>
          </cell>
        </row>
        <row r="608">
          <cell r="B608">
            <v>605</v>
          </cell>
          <cell r="H608">
            <v>0</v>
          </cell>
        </row>
        <row r="609">
          <cell r="B609">
            <v>606</v>
          </cell>
          <cell r="H609">
            <v>0</v>
          </cell>
        </row>
        <row r="610">
          <cell r="B610">
            <v>607</v>
          </cell>
          <cell r="H610">
            <v>0</v>
          </cell>
        </row>
        <row r="611">
          <cell r="B611">
            <v>608</v>
          </cell>
          <cell r="H611">
            <v>0</v>
          </cell>
        </row>
        <row r="612">
          <cell r="B612">
            <v>609</v>
          </cell>
          <cell r="H612">
            <v>0</v>
          </cell>
        </row>
        <row r="613">
          <cell r="B613">
            <v>610</v>
          </cell>
          <cell r="H613">
            <v>0</v>
          </cell>
        </row>
        <row r="614">
          <cell r="B614">
            <v>611</v>
          </cell>
          <cell r="H614">
            <v>0</v>
          </cell>
        </row>
        <row r="615">
          <cell r="B615">
            <v>612</v>
          </cell>
          <cell r="H615">
            <v>0</v>
          </cell>
        </row>
        <row r="616">
          <cell r="B616">
            <v>613</v>
          </cell>
          <cell r="H616">
            <v>0</v>
          </cell>
        </row>
        <row r="617">
          <cell r="B617">
            <v>614</v>
          </cell>
          <cell r="H617">
            <v>0</v>
          </cell>
        </row>
        <row r="618">
          <cell r="B618">
            <v>615</v>
          </cell>
          <cell r="H618">
            <v>0</v>
          </cell>
        </row>
        <row r="619">
          <cell r="B619">
            <v>616</v>
          </cell>
          <cell r="H619">
            <v>0</v>
          </cell>
        </row>
        <row r="620">
          <cell r="B620">
            <v>617</v>
          </cell>
          <cell r="H620">
            <v>0</v>
          </cell>
        </row>
        <row r="621">
          <cell r="B621">
            <v>618</v>
          </cell>
          <cell r="H621">
            <v>0</v>
          </cell>
        </row>
        <row r="622">
          <cell r="B622">
            <v>619</v>
          </cell>
          <cell r="H622">
            <v>0</v>
          </cell>
        </row>
        <row r="623">
          <cell r="B623">
            <v>620</v>
          </cell>
          <cell r="H623">
            <v>0</v>
          </cell>
        </row>
        <row r="624">
          <cell r="B624">
            <v>621</v>
          </cell>
          <cell r="H624">
            <v>0</v>
          </cell>
        </row>
        <row r="625">
          <cell r="B625">
            <v>622</v>
          </cell>
          <cell r="H625">
            <v>0</v>
          </cell>
        </row>
        <row r="626">
          <cell r="B626">
            <v>623</v>
          </cell>
          <cell r="H626">
            <v>0</v>
          </cell>
        </row>
        <row r="627">
          <cell r="B627">
            <v>624</v>
          </cell>
          <cell r="H627">
            <v>0</v>
          </cell>
        </row>
        <row r="628">
          <cell r="B628">
            <v>625</v>
          </cell>
          <cell r="H628">
            <v>0</v>
          </cell>
        </row>
        <row r="629">
          <cell r="B629">
            <v>626</v>
          </cell>
          <cell r="H629">
            <v>0</v>
          </cell>
        </row>
        <row r="630">
          <cell r="B630">
            <v>627</v>
          </cell>
          <cell r="H630">
            <v>0</v>
          </cell>
        </row>
        <row r="631">
          <cell r="B631">
            <v>628</v>
          </cell>
          <cell r="H631">
            <v>0</v>
          </cell>
        </row>
        <row r="632">
          <cell r="B632">
            <v>629</v>
          </cell>
          <cell r="H632">
            <v>0</v>
          </cell>
        </row>
        <row r="633">
          <cell r="B633">
            <v>630</v>
          </cell>
          <cell r="H633">
            <v>0</v>
          </cell>
        </row>
        <row r="634">
          <cell r="B634">
            <v>631</v>
          </cell>
          <cell r="H634">
            <v>0</v>
          </cell>
        </row>
        <row r="635">
          <cell r="B635">
            <v>632</v>
          </cell>
          <cell r="H635">
            <v>0</v>
          </cell>
        </row>
        <row r="636">
          <cell r="B636">
            <v>633</v>
          </cell>
          <cell r="H636">
            <v>0</v>
          </cell>
        </row>
        <row r="637">
          <cell r="B637">
            <v>634</v>
          </cell>
          <cell r="H637">
            <v>0</v>
          </cell>
        </row>
        <row r="638">
          <cell r="B638">
            <v>635</v>
          </cell>
          <cell r="H638">
            <v>0</v>
          </cell>
        </row>
        <row r="639">
          <cell r="B639">
            <v>636</v>
          </cell>
          <cell r="H639">
            <v>0</v>
          </cell>
        </row>
        <row r="640">
          <cell r="B640">
            <v>637</v>
          </cell>
          <cell r="H640">
            <v>0</v>
          </cell>
        </row>
        <row r="641">
          <cell r="B641">
            <v>638</v>
          </cell>
          <cell r="H641">
            <v>0</v>
          </cell>
        </row>
        <row r="642">
          <cell r="B642">
            <v>639</v>
          </cell>
          <cell r="H642">
            <v>0</v>
          </cell>
        </row>
        <row r="643">
          <cell r="B643">
            <v>640</v>
          </cell>
          <cell r="H643">
            <v>0</v>
          </cell>
        </row>
        <row r="644">
          <cell r="B644">
            <v>641</v>
          </cell>
          <cell r="H644">
            <v>0</v>
          </cell>
        </row>
        <row r="645">
          <cell r="B645">
            <v>642</v>
          </cell>
          <cell r="H645">
            <v>0</v>
          </cell>
        </row>
        <row r="646">
          <cell r="B646">
            <v>643</v>
          </cell>
          <cell r="H646">
            <v>0</v>
          </cell>
        </row>
        <row r="647">
          <cell r="B647">
            <v>644</v>
          </cell>
          <cell r="H647">
            <v>0</v>
          </cell>
        </row>
        <row r="648">
          <cell r="B648">
            <v>645</v>
          </cell>
          <cell r="H648">
            <v>0</v>
          </cell>
        </row>
        <row r="649">
          <cell r="B649">
            <v>646</v>
          </cell>
          <cell r="H649">
            <v>0</v>
          </cell>
        </row>
        <row r="650">
          <cell r="B650">
            <v>647</v>
          </cell>
          <cell r="H650">
            <v>0</v>
          </cell>
        </row>
        <row r="651">
          <cell r="B651">
            <v>648</v>
          </cell>
          <cell r="H651">
            <v>0</v>
          </cell>
        </row>
        <row r="652">
          <cell r="B652">
            <v>649</v>
          </cell>
          <cell r="H652">
            <v>0</v>
          </cell>
        </row>
        <row r="653">
          <cell r="B653">
            <v>650</v>
          </cell>
          <cell r="H653">
            <v>0</v>
          </cell>
        </row>
        <row r="654">
          <cell r="B654">
            <v>651</v>
          </cell>
          <cell r="H654">
            <v>0</v>
          </cell>
        </row>
        <row r="655">
          <cell r="B655">
            <v>652</v>
          </cell>
          <cell r="H655">
            <v>0</v>
          </cell>
        </row>
        <row r="656">
          <cell r="B656">
            <v>653</v>
          </cell>
          <cell r="H656">
            <v>0</v>
          </cell>
        </row>
        <row r="657">
          <cell r="B657">
            <v>654</v>
          </cell>
          <cell r="H657">
            <v>0</v>
          </cell>
        </row>
        <row r="658">
          <cell r="B658">
            <v>655</v>
          </cell>
          <cell r="H658">
            <v>0</v>
          </cell>
        </row>
        <row r="659">
          <cell r="B659">
            <v>656</v>
          </cell>
          <cell r="H659">
            <v>0</v>
          </cell>
        </row>
        <row r="660">
          <cell r="B660">
            <v>657</v>
          </cell>
          <cell r="H660">
            <v>0</v>
          </cell>
        </row>
        <row r="661">
          <cell r="B661">
            <v>658</v>
          </cell>
          <cell r="H661">
            <v>0</v>
          </cell>
        </row>
        <row r="662">
          <cell r="B662">
            <v>659</v>
          </cell>
          <cell r="H662">
            <v>0</v>
          </cell>
        </row>
        <row r="663">
          <cell r="B663">
            <v>660</v>
          </cell>
          <cell r="H663">
            <v>0</v>
          </cell>
        </row>
        <row r="664">
          <cell r="B664">
            <v>661</v>
          </cell>
          <cell r="H664">
            <v>0</v>
          </cell>
        </row>
        <row r="665">
          <cell r="B665">
            <v>662</v>
          </cell>
          <cell r="H665">
            <v>0</v>
          </cell>
        </row>
        <row r="666">
          <cell r="B666">
            <v>663</v>
          </cell>
          <cell r="H666">
            <v>0</v>
          </cell>
        </row>
        <row r="667">
          <cell r="B667">
            <v>664</v>
          </cell>
          <cell r="H667">
            <v>0</v>
          </cell>
        </row>
        <row r="668">
          <cell r="B668">
            <v>665</v>
          </cell>
          <cell r="H668">
            <v>0</v>
          </cell>
        </row>
        <row r="669">
          <cell r="B669">
            <v>666</v>
          </cell>
          <cell r="H669">
            <v>0</v>
          </cell>
        </row>
        <row r="670">
          <cell r="B670">
            <v>667</v>
          </cell>
          <cell r="H670">
            <v>0</v>
          </cell>
        </row>
        <row r="671">
          <cell r="B671">
            <v>668</v>
          </cell>
          <cell r="H671">
            <v>0</v>
          </cell>
        </row>
        <row r="672">
          <cell r="B672">
            <v>669</v>
          </cell>
          <cell r="H672">
            <v>0</v>
          </cell>
        </row>
        <row r="673">
          <cell r="B673">
            <v>670</v>
          </cell>
          <cell r="H673">
            <v>0</v>
          </cell>
        </row>
        <row r="674">
          <cell r="B674">
            <v>671</v>
          </cell>
          <cell r="H674">
            <v>0</v>
          </cell>
        </row>
        <row r="675">
          <cell r="B675">
            <v>672</v>
          </cell>
          <cell r="H675">
            <v>0</v>
          </cell>
        </row>
        <row r="676">
          <cell r="B676">
            <v>673</v>
          </cell>
          <cell r="H676">
            <v>0</v>
          </cell>
        </row>
        <row r="677">
          <cell r="B677">
            <v>674</v>
          </cell>
          <cell r="H677">
            <v>0</v>
          </cell>
        </row>
        <row r="678">
          <cell r="B678">
            <v>675</v>
          </cell>
          <cell r="H678">
            <v>0</v>
          </cell>
        </row>
        <row r="679">
          <cell r="B679">
            <v>676</v>
          </cell>
          <cell r="H679">
            <v>0</v>
          </cell>
        </row>
        <row r="680">
          <cell r="B680">
            <v>677</v>
          </cell>
          <cell r="H680">
            <v>0</v>
          </cell>
        </row>
        <row r="681">
          <cell r="B681">
            <v>678</v>
          </cell>
          <cell r="H681">
            <v>0</v>
          </cell>
        </row>
        <row r="682">
          <cell r="B682">
            <v>679</v>
          </cell>
          <cell r="H682">
            <v>0</v>
          </cell>
        </row>
        <row r="683">
          <cell r="B683">
            <v>680</v>
          </cell>
          <cell r="H683">
            <v>0</v>
          </cell>
        </row>
        <row r="684">
          <cell r="B684">
            <v>681</v>
          </cell>
          <cell r="H684">
            <v>0</v>
          </cell>
        </row>
        <row r="685">
          <cell r="B685">
            <v>682</v>
          </cell>
          <cell r="H685">
            <v>0</v>
          </cell>
        </row>
        <row r="686">
          <cell r="B686">
            <v>683</v>
          </cell>
          <cell r="H686">
            <v>0</v>
          </cell>
        </row>
        <row r="687">
          <cell r="B687">
            <v>684</v>
          </cell>
          <cell r="H687">
            <v>0</v>
          </cell>
        </row>
        <row r="688">
          <cell r="B688">
            <v>685</v>
          </cell>
          <cell r="H688">
            <v>0</v>
          </cell>
        </row>
        <row r="689">
          <cell r="B689">
            <v>686</v>
          </cell>
          <cell r="H689">
            <v>0</v>
          </cell>
        </row>
        <row r="690">
          <cell r="B690">
            <v>687</v>
          </cell>
          <cell r="H690">
            <v>0</v>
          </cell>
        </row>
        <row r="691">
          <cell r="B691">
            <v>688</v>
          </cell>
          <cell r="H691">
            <v>0</v>
          </cell>
        </row>
        <row r="692">
          <cell r="B692">
            <v>689</v>
          </cell>
          <cell r="H692">
            <v>0</v>
          </cell>
        </row>
        <row r="693">
          <cell r="B693">
            <v>690</v>
          </cell>
          <cell r="H693">
            <v>0</v>
          </cell>
        </row>
        <row r="694">
          <cell r="B694">
            <v>691</v>
          </cell>
          <cell r="H694">
            <v>0</v>
          </cell>
        </row>
        <row r="695">
          <cell r="B695">
            <v>692</v>
          </cell>
          <cell r="H695">
            <v>0</v>
          </cell>
        </row>
        <row r="696">
          <cell r="B696">
            <v>693</v>
          </cell>
          <cell r="H696">
            <v>0</v>
          </cell>
        </row>
        <row r="697">
          <cell r="B697">
            <v>694</v>
          </cell>
          <cell r="H697">
            <v>0</v>
          </cell>
        </row>
        <row r="698">
          <cell r="B698">
            <v>695</v>
          </cell>
          <cell r="H698">
            <v>0</v>
          </cell>
        </row>
        <row r="699">
          <cell r="B699">
            <v>696</v>
          </cell>
          <cell r="H699">
            <v>0</v>
          </cell>
        </row>
        <row r="700">
          <cell r="B700">
            <v>697</v>
          </cell>
          <cell r="H700">
            <v>0</v>
          </cell>
        </row>
        <row r="701">
          <cell r="B701">
            <v>698</v>
          </cell>
          <cell r="H701">
            <v>0</v>
          </cell>
        </row>
        <row r="702">
          <cell r="B702">
            <v>699</v>
          </cell>
          <cell r="H702">
            <v>0</v>
          </cell>
        </row>
        <row r="703">
          <cell r="B703">
            <v>700</v>
          </cell>
          <cell r="H703">
            <v>0</v>
          </cell>
        </row>
        <row r="704">
          <cell r="B704">
            <v>701</v>
          </cell>
          <cell r="H704">
            <v>0</v>
          </cell>
        </row>
        <row r="705">
          <cell r="B705">
            <v>702</v>
          </cell>
          <cell r="H705">
            <v>0</v>
          </cell>
        </row>
        <row r="706">
          <cell r="B706">
            <v>703</v>
          </cell>
          <cell r="H706">
            <v>0</v>
          </cell>
        </row>
        <row r="707">
          <cell r="B707">
            <v>704</v>
          </cell>
          <cell r="H707">
            <v>0</v>
          </cell>
        </row>
        <row r="708">
          <cell r="B708">
            <v>705</v>
          </cell>
          <cell r="H708">
            <v>0</v>
          </cell>
        </row>
        <row r="709">
          <cell r="B709">
            <v>706</v>
          </cell>
          <cell r="H709">
            <v>0</v>
          </cell>
        </row>
        <row r="710">
          <cell r="B710">
            <v>707</v>
          </cell>
          <cell r="H710">
            <v>0</v>
          </cell>
        </row>
        <row r="711">
          <cell r="B711">
            <v>708</v>
          </cell>
          <cell r="H711">
            <v>0</v>
          </cell>
        </row>
        <row r="712">
          <cell r="B712">
            <v>709</v>
          </cell>
          <cell r="H712">
            <v>0</v>
          </cell>
        </row>
        <row r="713">
          <cell r="B713">
            <v>710</v>
          </cell>
          <cell r="H713">
            <v>0</v>
          </cell>
        </row>
        <row r="714">
          <cell r="B714">
            <v>711</v>
          </cell>
          <cell r="H714">
            <v>0</v>
          </cell>
        </row>
        <row r="715">
          <cell r="B715">
            <v>712</v>
          </cell>
          <cell r="H715">
            <v>0</v>
          </cell>
        </row>
        <row r="716">
          <cell r="B716">
            <v>713</v>
          </cell>
          <cell r="H716">
            <v>0</v>
          </cell>
        </row>
        <row r="717">
          <cell r="B717">
            <v>714</v>
          </cell>
          <cell r="H717">
            <v>0</v>
          </cell>
        </row>
        <row r="718">
          <cell r="B718">
            <v>715</v>
          </cell>
          <cell r="H718">
            <v>0</v>
          </cell>
        </row>
        <row r="719">
          <cell r="B719">
            <v>716</v>
          </cell>
          <cell r="H719">
            <v>0</v>
          </cell>
        </row>
        <row r="720">
          <cell r="B720">
            <v>717</v>
          </cell>
          <cell r="H720">
            <v>0</v>
          </cell>
        </row>
        <row r="721">
          <cell r="B721">
            <v>718</v>
          </cell>
          <cell r="H721">
            <v>0</v>
          </cell>
        </row>
        <row r="722">
          <cell r="B722">
            <v>719</v>
          </cell>
          <cell r="H722">
            <v>0</v>
          </cell>
        </row>
        <row r="723">
          <cell r="B723">
            <v>720</v>
          </cell>
          <cell r="H723">
            <v>0</v>
          </cell>
        </row>
        <row r="724">
          <cell r="B724">
            <v>721</v>
          </cell>
          <cell r="H724">
            <v>0</v>
          </cell>
        </row>
        <row r="725">
          <cell r="B725">
            <v>722</v>
          </cell>
          <cell r="H725">
            <v>0</v>
          </cell>
        </row>
        <row r="726">
          <cell r="B726">
            <v>723</v>
          </cell>
          <cell r="H726">
            <v>0</v>
          </cell>
        </row>
        <row r="727">
          <cell r="B727">
            <v>724</v>
          </cell>
          <cell r="H727">
            <v>0</v>
          </cell>
        </row>
        <row r="728">
          <cell r="B728">
            <v>725</v>
          </cell>
          <cell r="H728">
            <v>0</v>
          </cell>
        </row>
        <row r="729">
          <cell r="B729">
            <v>726</v>
          </cell>
          <cell r="H729">
            <v>0</v>
          </cell>
        </row>
        <row r="730">
          <cell r="B730">
            <v>727</v>
          </cell>
          <cell r="H730">
            <v>0</v>
          </cell>
        </row>
        <row r="731">
          <cell r="B731">
            <v>728</v>
          </cell>
          <cell r="H731">
            <v>0</v>
          </cell>
        </row>
        <row r="732">
          <cell r="B732">
            <v>729</v>
          </cell>
          <cell r="H732">
            <v>0</v>
          </cell>
        </row>
        <row r="733">
          <cell r="B733">
            <v>730</v>
          </cell>
          <cell r="H733">
            <v>0</v>
          </cell>
        </row>
        <row r="734">
          <cell r="B734">
            <v>731</v>
          </cell>
          <cell r="H734">
            <v>0</v>
          </cell>
        </row>
        <row r="735">
          <cell r="B735">
            <v>732</v>
          </cell>
          <cell r="H735">
            <v>0</v>
          </cell>
        </row>
        <row r="736">
          <cell r="B736">
            <v>733</v>
          </cell>
          <cell r="H736">
            <v>0</v>
          </cell>
        </row>
        <row r="737">
          <cell r="B737">
            <v>734</v>
          </cell>
          <cell r="H737">
            <v>0</v>
          </cell>
        </row>
        <row r="738">
          <cell r="B738">
            <v>735</v>
          </cell>
          <cell r="H738">
            <v>0</v>
          </cell>
        </row>
        <row r="739">
          <cell r="B739">
            <v>736</v>
          </cell>
          <cell r="H739">
            <v>0</v>
          </cell>
        </row>
        <row r="740">
          <cell r="B740">
            <v>737</v>
          </cell>
          <cell r="H740">
            <v>0</v>
          </cell>
        </row>
        <row r="741">
          <cell r="B741">
            <v>738</v>
          </cell>
          <cell r="H741">
            <v>0</v>
          </cell>
        </row>
        <row r="742">
          <cell r="B742">
            <v>739</v>
          </cell>
          <cell r="H742">
            <v>0</v>
          </cell>
        </row>
        <row r="743">
          <cell r="B743">
            <v>740</v>
          </cell>
          <cell r="H743">
            <v>0</v>
          </cell>
        </row>
        <row r="744">
          <cell r="B744">
            <v>741</v>
          </cell>
          <cell r="H744">
            <v>0</v>
          </cell>
        </row>
        <row r="745">
          <cell r="B745">
            <v>742</v>
          </cell>
          <cell r="H745">
            <v>0</v>
          </cell>
        </row>
        <row r="746">
          <cell r="B746">
            <v>743</v>
          </cell>
          <cell r="H746">
            <v>0</v>
          </cell>
        </row>
        <row r="747">
          <cell r="B747">
            <v>744</v>
          </cell>
          <cell r="H747">
            <v>0</v>
          </cell>
        </row>
        <row r="748">
          <cell r="B748">
            <v>745</v>
          </cell>
          <cell r="H748">
            <v>0</v>
          </cell>
        </row>
        <row r="749">
          <cell r="B749">
            <v>746</v>
          </cell>
          <cell r="H749">
            <v>0</v>
          </cell>
        </row>
        <row r="750">
          <cell r="B750">
            <v>747</v>
          </cell>
          <cell r="H750">
            <v>0</v>
          </cell>
        </row>
        <row r="751">
          <cell r="B751">
            <v>748</v>
          </cell>
          <cell r="H751">
            <v>0</v>
          </cell>
        </row>
        <row r="752">
          <cell r="B752">
            <v>749</v>
          </cell>
          <cell r="H752">
            <v>0</v>
          </cell>
        </row>
        <row r="753">
          <cell r="B753">
            <v>750</v>
          </cell>
          <cell r="H753">
            <v>0</v>
          </cell>
        </row>
        <row r="754">
          <cell r="B754">
            <v>751</v>
          </cell>
          <cell r="H754">
            <v>0</v>
          </cell>
        </row>
        <row r="755">
          <cell r="B755">
            <v>752</v>
          </cell>
          <cell r="H755">
            <v>0</v>
          </cell>
        </row>
        <row r="756">
          <cell r="B756">
            <v>753</v>
          </cell>
          <cell r="H756">
            <v>0</v>
          </cell>
        </row>
        <row r="757">
          <cell r="B757">
            <v>754</v>
          </cell>
          <cell r="H757">
            <v>0</v>
          </cell>
        </row>
        <row r="758">
          <cell r="B758">
            <v>755</v>
          </cell>
          <cell r="H758">
            <v>0</v>
          </cell>
        </row>
        <row r="759">
          <cell r="B759">
            <v>756</v>
          </cell>
          <cell r="H759">
            <v>0</v>
          </cell>
        </row>
        <row r="760">
          <cell r="B760">
            <v>757</v>
          </cell>
          <cell r="H760">
            <v>0</v>
          </cell>
        </row>
        <row r="761">
          <cell r="B761">
            <v>758</v>
          </cell>
          <cell r="H761">
            <v>0</v>
          </cell>
        </row>
        <row r="762">
          <cell r="B762">
            <v>759</v>
          </cell>
          <cell r="H762">
            <v>0</v>
          </cell>
        </row>
        <row r="763">
          <cell r="B763">
            <v>760</v>
          </cell>
          <cell r="H763">
            <v>0</v>
          </cell>
        </row>
        <row r="764">
          <cell r="B764">
            <v>761</v>
          </cell>
          <cell r="H764">
            <v>0</v>
          </cell>
        </row>
        <row r="765">
          <cell r="B765">
            <v>762</v>
          </cell>
          <cell r="H765">
            <v>0</v>
          </cell>
        </row>
        <row r="766">
          <cell r="B766">
            <v>763</v>
          </cell>
          <cell r="H766">
            <v>0</v>
          </cell>
        </row>
        <row r="767">
          <cell r="B767">
            <v>764</v>
          </cell>
          <cell r="H767">
            <v>0</v>
          </cell>
        </row>
        <row r="768">
          <cell r="B768">
            <v>765</v>
          </cell>
          <cell r="H768">
            <v>0</v>
          </cell>
        </row>
        <row r="769">
          <cell r="B769">
            <v>766</v>
          </cell>
          <cell r="H769">
            <v>0</v>
          </cell>
        </row>
        <row r="770">
          <cell r="B770">
            <v>767</v>
          </cell>
          <cell r="H770">
            <v>0</v>
          </cell>
        </row>
        <row r="771">
          <cell r="B771">
            <v>768</v>
          </cell>
          <cell r="H771">
            <v>0</v>
          </cell>
        </row>
        <row r="772">
          <cell r="B772">
            <v>769</v>
          </cell>
          <cell r="H772">
            <v>0</v>
          </cell>
        </row>
        <row r="773">
          <cell r="B773">
            <v>770</v>
          </cell>
          <cell r="H773">
            <v>0</v>
          </cell>
        </row>
        <row r="774">
          <cell r="B774">
            <v>771</v>
          </cell>
          <cell r="H774">
            <v>0</v>
          </cell>
        </row>
        <row r="775">
          <cell r="B775">
            <v>772</v>
          </cell>
          <cell r="H775">
            <v>0</v>
          </cell>
        </row>
        <row r="776">
          <cell r="B776">
            <v>773</v>
          </cell>
          <cell r="H776">
            <v>0</v>
          </cell>
        </row>
        <row r="777">
          <cell r="B777">
            <v>774</v>
          </cell>
          <cell r="H777">
            <v>0</v>
          </cell>
        </row>
        <row r="778">
          <cell r="B778">
            <v>775</v>
          </cell>
          <cell r="H778">
            <v>0</v>
          </cell>
        </row>
        <row r="779">
          <cell r="B779">
            <v>776</v>
          </cell>
          <cell r="H779">
            <v>0</v>
          </cell>
        </row>
        <row r="780">
          <cell r="B780">
            <v>777</v>
          </cell>
          <cell r="H780">
            <v>0</v>
          </cell>
        </row>
        <row r="781">
          <cell r="B781">
            <v>778</v>
          </cell>
          <cell r="H781">
            <v>0</v>
          </cell>
        </row>
        <row r="782">
          <cell r="B782">
            <v>779</v>
          </cell>
          <cell r="H782">
            <v>0</v>
          </cell>
        </row>
        <row r="783">
          <cell r="B783">
            <v>780</v>
          </cell>
          <cell r="H783">
            <v>0</v>
          </cell>
        </row>
        <row r="784">
          <cell r="B784">
            <v>781</v>
          </cell>
          <cell r="H784">
            <v>0</v>
          </cell>
        </row>
        <row r="785">
          <cell r="B785">
            <v>782</v>
          </cell>
          <cell r="H785">
            <v>0</v>
          </cell>
        </row>
        <row r="786">
          <cell r="B786">
            <v>783</v>
          </cell>
          <cell r="H786">
            <v>0</v>
          </cell>
        </row>
        <row r="787">
          <cell r="B787">
            <v>784</v>
          </cell>
          <cell r="H787">
            <v>0</v>
          </cell>
        </row>
        <row r="788">
          <cell r="B788">
            <v>785</v>
          </cell>
          <cell r="H788">
            <v>0</v>
          </cell>
        </row>
        <row r="789">
          <cell r="B789">
            <v>786</v>
          </cell>
          <cell r="H789">
            <v>0</v>
          </cell>
        </row>
        <row r="790">
          <cell r="B790">
            <v>787</v>
          </cell>
          <cell r="H790">
            <v>0</v>
          </cell>
        </row>
        <row r="791">
          <cell r="B791">
            <v>788</v>
          </cell>
          <cell r="H791">
            <v>0</v>
          </cell>
        </row>
        <row r="792">
          <cell r="B792">
            <v>789</v>
          </cell>
          <cell r="H792">
            <v>0</v>
          </cell>
        </row>
        <row r="793">
          <cell r="B793">
            <v>790</v>
          </cell>
          <cell r="H793">
            <v>0</v>
          </cell>
        </row>
        <row r="794">
          <cell r="B794">
            <v>791</v>
          </cell>
          <cell r="H794">
            <v>0</v>
          </cell>
        </row>
        <row r="795">
          <cell r="B795">
            <v>792</v>
          </cell>
          <cell r="H795">
            <v>0</v>
          </cell>
        </row>
        <row r="796">
          <cell r="B796">
            <v>793</v>
          </cell>
          <cell r="H796">
            <v>0</v>
          </cell>
        </row>
        <row r="797">
          <cell r="B797">
            <v>794</v>
          </cell>
          <cell r="H797">
            <v>0</v>
          </cell>
        </row>
        <row r="798">
          <cell r="B798">
            <v>795</v>
          </cell>
          <cell r="H798">
            <v>0</v>
          </cell>
        </row>
        <row r="799">
          <cell r="B799">
            <v>796</v>
          </cell>
          <cell r="H799">
            <v>0</v>
          </cell>
        </row>
        <row r="800">
          <cell r="B800">
            <v>797</v>
          </cell>
          <cell r="H800">
            <v>0</v>
          </cell>
        </row>
        <row r="801">
          <cell r="B801">
            <v>798</v>
          </cell>
          <cell r="H801">
            <v>0</v>
          </cell>
        </row>
        <row r="802">
          <cell r="B802">
            <v>799</v>
          </cell>
          <cell r="H802">
            <v>0</v>
          </cell>
        </row>
        <row r="803">
          <cell r="B803">
            <v>800</v>
          </cell>
          <cell r="H803">
            <v>0</v>
          </cell>
        </row>
        <row r="804">
          <cell r="B804">
            <v>801</v>
          </cell>
          <cell r="H804">
            <v>0</v>
          </cell>
        </row>
        <row r="805">
          <cell r="B805">
            <v>802</v>
          </cell>
          <cell r="H805">
            <v>0</v>
          </cell>
        </row>
        <row r="806">
          <cell r="B806">
            <v>803</v>
          </cell>
          <cell r="H806">
            <v>0</v>
          </cell>
        </row>
        <row r="807">
          <cell r="B807">
            <v>804</v>
          </cell>
          <cell r="H807">
            <v>0</v>
          </cell>
        </row>
        <row r="808">
          <cell r="B808">
            <v>805</v>
          </cell>
          <cell r="H808">
            <v>0</v>
          </cell>
        </row>
        <row r="809">
          <cell r="B809">
            <v>806</v>
          </cell>
          <cell r="H809">
            <v>0</v>
          </cell>
        </row>
        <row r="810">
          <cell r="B810">
            <v>807</v>
          </cell>
          <cell r="H810">
            <v>0</v>
          </cell>
        </row>
        <row r="811">
          <cell r="B811">
            <v>808</v>
          </cell>
          <cell r="H811">
            <v>0</v>
          </cell>
        </row>
        <row r="812">
          <cell r="B812">
            <v>809</v>
          </cell>
          <cell r="H812">
            <v>0</v>
          </cell>
        </row>
        <row r="813">
          <cell r="B813">
            <v>810</v>
          </cell>
          <cell r="H813">
            <v>0</v>
          </cell>
        </row>
        <row r="814">
          <cell r="B814">
            <v>811</v>
          </cell>
          <cell r="H814">
            <v>0</v>
          </cell>
        </row>
        <row r="815">
          <cell r="B815">
            <v>812</v>
          </cell>
          <cell r="H815">
            <v>0</v>
          </cell>
        </row>
        <row r="816">
          <cell r="B816">
            <v>813</v>
          </cell>
          <cell r="H816">
            <v>0</v>
          </cell>
        </row>
        <row r="817">
          <cell r="B817">
            <v>814</v>
          </cell>
          <cell r="H817">
            <v>0</v>
          </cell>
        </row>
        <row r="818">
          <cell r="B818">
            <v>815</v>
          </cell>
          <cell r="H818">
            <v>0</v>
          </cell>
        </row>
        <row r="819">
          <cell r="B819">
            <v>816</v>
          </cell>
          <cell r="H819">
            <v>0</v>
          </cell>
        </row>
        <row r="820">
          <cell r="B820">
            <v>817</v>
          </cell>
          <cell r="H820">
            <v>0</v>
          </cell>
        </row>
        <row r="821">
          <cell r="B821">
            <v>818</v>
          </cell>
          <cell r="H821">
            <v>0</v>
          </cell>
        </row>
        <row r="822">
          <cell r="B822">
            <v>819</v>
          </cell>
          <cell r="H822">
            <v>0</v>
          </cell>
        </row>
        <row r="823">
          <cell r="B823">
            <v>820</v>
          </cell>
          <cell r="H823">
            <v>0</v>
          </cell>
        </row>
        <row r="824">
          <cell r="B824">
            <v>821</v>
          </cell>
          <cell r="H824">
            <v>0</v>
          </cell>
        </row>
        <row r="825">
          <cell r="B825">
            <v>822</v>
          </cell>
          <cell r="H825">
            <v>0</v>
          </cell>
        </row>
        <row r="826">
          <cell r="B826">
            <v>823</v>
          </cell>
          <cell r="H826">
            <v>0</v>
          </cell>
        </row>
        <row r="827">
          <cell r="B827">
            <v>824</v>
          </cell>
          <cell r="H827">
            <v>0</v>
          </cell>
        </row>
        <row r="828">
          <cell r="B828">
            <v>825</v>
          </cell>
          <cell r="H828">
            <v>0</v>
          </cell>
        </row>
        <row r="829">
          <cell r="B829">
            <v>826</v>
          </cell>
          <cell r="H829">
            <v>0</v>
          </cell>
        </row>
        <row r="830">
          <cell r="B830">
            <v>827</v>
          </cell>
          <cell r="H830">
            <v>0</v>
          </cell>
        </row>
        <row r="831">
          <cell r="B831">
            <v>828</v>
          </cell>
          <cell r="H831">
            <v>0</v>
          </cell>
        </row>
        <row r="832">
          <cell r="B832">
            <v>829</v>
          </cell>
          <cell r="H832">
            <v>0</v>
          </cell>
        </row>
        <row r="833">
          <cell r="B833">
            <v>830</v>
          </cell>
          <cell r="H833">
            <v>0</v>
          </cell>
        </row>
        <row r="834">
          <cell r="B834">
            <v>831</v>
          </cell>
          <cell r="H834">
            <v>0</v>
          </cell>
        </row>
        <row r="835">
          <cell r="B835">
            <v>832</v>
          </cell>
          <cell r="H835">
            <v>0</v>
          </cell>
        </row>
        <row r="836">
          <cell r="B836">
            <v>833</v>
          </cell>
          <cell r="H836">
            <v>0</v>
          </cell>
        </row>
        <row r="837">
          <cell r="B837">
            <v>834</v>
          </cell>
          <cell r="H837">
            <v>0</v>
          </cell>
        </row>
        <row r="838">
          <cell r="B838">
            <v>835</v>
          </cell>
          <cell r="H838">
            <v>0</v>
          </cell>
        </row>
        <row r="839">
          <cell r="B839">
            <v>836</v>
          </cell>
          <cell r="H839">
            <v>0</v>
          </cell>
        </row>
        <row r="840">
          <cell r="B840">
            <v>837</v>
          </cell>
          <cell r="H840">
            <v>0</v>
          </cell>
        </row>
        <row r="841">
          <cell r="B841">
            <v>838</v>
          </cell>
          <cell r="H841">
            <v>0</v>
          </cell>
        </row>
        <row r="842">
          <cell r="B842">
            <v>839</v>
          </cell>
          <cell r="H842">
            <v>0</v>
          </cell>
        </row>
        <row r="843">
          <cell r="B843">
            <v>840</v>
          </cell>
          <cell r="H843">
            <v>0</v>
          </cell>
        </row>
        <row r="844">
          <cell r="B844">
            <v>841</v>
          </cell>
          <cell r="H844">
            <v>0</v>
          </cell>
        </row>
        <row r="845">
          <cell r="B845">
            <v>842</v>
          </cell>
          <cell r="H845">
            <v>0</v>
          </cell>
        </row>
        <row r="846">
          <cell r="B846">
            <v>843</v>
          </cell>
          <cell r="H846">
            <v>0</v>
          </cell>
        </row>
        <row r="847">
          <cell r="B847">
            <v>844</v>
          </cell>
          <cell r="H847">
            <v>0</v>
          </cell>
        </row>
        <row r="848">
          <cell r="B848">
            <v>845</v>
          </cell>
          <cell r="H848">
            <v>0</v>
          </cell>
        </row>
        <row r="849">
          <cell r="B849">
            <v>846</v>
          </cell>
          <cell r="H849">
            <v>0</v>
          </cell>
        </row>
        <row r="850">
          <cell r="B850">
            <v>847</v>
          </cell>
          <cell r="H850">
            <v>0</v>
          </cell>
        </row>
        <row r="851">
          <cell r="B851">
            <v>848</v>
          </cell>
          <cell r="H851">
            <v>0</v>
          </cell>
        </row>
        <row r="852">
          <cell r="B852">
            <v>849</v>
          </cell>
          <cell r="H852">
            <v>0</v>
          </cell>
        </row>
        <row r="853">
          <cell r="B853">
            <v>850</v>
          </cell>
          <cell r="H853">
            <v>0</v>
          </cell>
        </row>
        <row r="854">
          <cell r="B854">
            <v>851</v>
          </cell>
          <cell r="H854">
            <v>0</v>
          </cell>
        </row>
        <row r="855">
          <cell r="B855">
            <v>852</v>
          </cell>
          <cell r="H855">
            <v>0</v>
          </cell>
        </row>
        <row r="856">
          <cell r="B856">
            <v>853</v>
          </cell>
          <cell r="H856">
            <v>0</v>
          </cell>
        </row>
        <row r="857">
          <cell r="B857">
            <v>854</v>
          </cell>
          <cell r="H857">
            <v>0</v>
          </cell>
        </row>
        <row r="858">
          <cell r="B858">
            <v>855</v>
          </cell>
          <cell r="H858">
            <v>0</v>
          </cell>
        </row>
        <row r="859">
          <cell r="B859">
            <v>856</v>
          </cell>
          <cell r="H859">
            <v>0</v>
          </cell>
        </row>
        <row r="860">
          <cell r="B860">
            <v>857</v>
          </cell>
          <cell r="H860">
            <v>0</v>
          </cell>
        </row>
        <row r="861">
          <cell r="B861">
            <v>858</v>
          </cell>
          <cell r="H861">
            <v>0</v>
          </cell>
        </row>
        <row r="862">
          <cell r="B862">
            <v>859</v>
          </cell>
          <cell r="H862">
            <v>0</v>
          </cell>
        </row>
        <row r="863">
          <cell r="B863">
            <v>860</v>
          </cell>
          <cell r="H863">
            <v>0</v>
          </cell>
        </row>
        <row r="864">
          <cell r="B864">
            <v>861</v>
          </cell>
          <cell r="H864">
            <v>0</v>
          </cell>
        </row>
        <row r="865">
          <cell r="B865">
            <v>862</v>
          </cell>
          <cell r="H865">
            <v>0</v>
          </cell>
        </row>
        <row r="866">
          <cell r="B866">
            <v>863</v>
          </cell>
          <cell r="H866">
            <v>0</v>
          </cell>
        </row>
        <row r="867">
          <cell r="B867">
            <v>864</v>
          </cell>
          <cell r="H867">
            <v>0</v>
          </cell>
        </row>
        <row r="868">
          <cell r="B868">
            <v>865</v>
          </cell>
          <cell r="H868">
            <v>0</v>
          </cell>
        </row>
        <row r="869">
          <cell r="B869">
            <v>866</v>
          </cell>
          <cell r="H869">
            <v>0</v>
          </cell>
        </row>
        <row r="870">
          <cell r="B870">
            <v>867</v>
          </cell>
          <cell r="H870">
            <v>0</v>
          </cell>
        </row>
        <row r="871">
          <cell r="B871">
            <v>868</v>
          </cell>
          <cell r="H871">
            <v>0</v>
          </cell>
        </row>
        <row r="872">
          <cell r="B872">
            <v>869</v>
          </cell>
          <cell r="H872">
            <v>0</v>
          </cell>
        </row>
        <row r="873">
          <cell r="B873">
            <v>870</v>
          </cell>
          <cell r="H873">
            <v>0</v>
          </cell>
        </row>
        <row r="874">
          <cell r="B874">
            <v>871</v>
          </cell>
          <cell r="H874">
            <v>0</v>
          </cell>
        </row>
        <row r="875">
          <cell r="B875">
            <v>872</v>
          </cell>
          <cell r="H875">
            <v>0</v>
          </cell>
        </row>
        <row r="876">
          <cell r="B876">
            <v>873</v>
          </cell>
          <cell r="H876">
            <v>0</v>
          </cell>
        </row>
        <row r="877">
          <cell r="B877">
            <v>874</v>
          </cell>
          <cell r="H877">
            <v>0</v>
          </cell>
        </row>
        <row r="878">
          <cell r="B878">
            <v>875</v>
          </cell>
          <cell r="H878">
            <v>0</v>
          </cell>
        </row>
        <row r="879">
          <cell r="B879">
            <v>876</v>
          </cell>
          <cell r="H879">
            <v>0</v>
          </cell>
        </row>
        <row r="880">
          <cell r="B880">
            <v>877</v>
          </cell>
          <cell r="H880">
            <v>0</v>
          </cell>
        </row>
        <row r="881">
          <cell r="B881">
            <v>878</v>
          </cell>
          <cell r="H881">
            <v>0</v>
          </cell>
        </row>
        <row r="882">
          <cell r="B882">
            <v>879</v>
          </cell>
          <cell r="H882">
            <v>0</v>
          </cell>
        </row>
        <row r="883">
          <cell r="B883">
            <v>880</v>
          </cell>
          <cell r="H883">
            <v>0</v>
          </cell>
        </row>
        <row r="884">
          <cell r="B884">
            <v>881</v>
          </cell>
          <cell r="H884">
            <v>0</v>
          </cell>
        </row>
        <row r="885">
          <cell r="B885">
            <v>882</v>
          </cell>
          <cell r="H885">
            <v>0</v>
          </cell>
        </row>
        <row r="886">
          <cell r="B886">
            <v>883</v>
          </cell>
          <cell r="H886">
            <v>0</v>
          </cell>
        </row>
        <row r="887">
          <cell r="B887">
            <v>884</v>
          </cell>
          <cell r="H887">
            <v>0</v>
          </cell>
        </row>
        <row r="888">
          <cell r="B888">
            <v>885</v>
          </cell>
          <cell r="H888">
            <v>0</v>
          </cell>
        </row>
        <row r="889">
          <cell r="B889">
            <v>886</v>
          </cell>
          <cell r="H889">
            <v>0</v>
          </cell>
        </row>
        <row r="890">
          <cell r="B890">
            <v>887</v>
          </cell>
          <cell r="H890">
            <v>0</v>
          </cell>
        </row>
        <row r="891">
          <cell r="B891">
            <v>888</v>
          </cell>
          <cell r="H891">
            <v>0</v>
          </cell>
        </row>
        <row r="892">
          <cell r="B892">
            <v>889</v>
          </cell>
          <cell r="H892">
            <v>0</v>
          </cell>
        </row>
        <row r="893">
          <cell r="B893">
            <v>890</v>
          </cell>
          <cell r="H893">
            <v>0</v>
          </cell>
        </row>
        <row r="894">
          <cell r="B894">
            <v>891</v>
          </cell>
          <cell r="H894">
            <v>0</v>
          </cell>
        </row>
        <row r="895">
          <cell r="B895">
            <v>892</v>
          </cell>
          <cell r="H895">
            <v>0</v>
          </cell>
        </row>
        <row r="896">
          <cell r="B896">
            <v>893</v>
          </cell>
          <cell r="H896">
            <v>0</v>
          </cell>
        </row>
        <row r="897">
          <cell r="B897">
            <v>894</v>
          </cell>
          <cell r="H897">
            <v>0</v>
          </cell>
        </row>
        <row r="898">
          <cell r="B898">
            <v>895</v>
          </cell>
          <cell r="H898">
            <v>0</v>
          </cell>
        </row>
        <row r="899">
          <cell r="B899">
            <v>896</v>
          </cell>
          <cell r="H899">
            <v>0</v>
          </cell>
        </row>
        <row r="900">
          <cell r="B900">
            <v>897</v>
          </cell>
          <cell r="H900">
            <v>0</v>
          </cell>
        </row>
        <row r="901">
          <cell r="B901">
            <v>898</v>
          </cell>
          <cell r="H901">
            <v>0</v>
          </cell>
        </row>
        <row r="902">
          <cell r="B902">
            <v>899</v>
          </cell>
          <cell r="H902">
            <v>0</v>
          </cell>
        </row>
        <row r="903">
          <cell r="B903">
            <v>900</v>
          </cell>
          <cell r="H903">
            <v>0</v>
          </cell>
        </row>
        <row r="904">
          <cell r="B904">
            <v>901</v>
          </cell>
          <cell r="H904">
            <v>0</v>
          </cell>
        </row>
        <row r="905">
          <cell r="B905">
            <v>902</v>
          </cell>
          <cell r="H905">
            <v>0</v>
          </cell>
        </row>
        <row r="906">
          <cell r="B906">
            <v>903</v>
          </cell>
          <cell r="H906">
            <v>0</v>
          </cell>
        </row>
        <row r="907">
          <cell r="B907">
            <v>904</v>
          </cell>
          <cell r="H907">
            <v>0</v>
          </cell>
        </row>
        <row r="908">
          <cell r="B908">
            <v>905</v>
          </cell>
          <cell r="H908">
            <v>0</v>
          </cell>
        </row>
        <row r="909">
          <cell r="B909">
            <v>906</v>
          </cell>
          <cell r="H909">
            <v>0</v>
          </cell>
        </row>
        <row r="910">
          <cell r="B910">
            <v>907</v>
          </cell>
          <cell r="H910">
            <v>0</v>
          </cell>
        </row>
        <row r="911">
          <cell r="B911">
            <v>908</v>
          </cell>
          <cell r="H911">
            <v>0</v>
          </cell>
        </row>
        <row r="912">
          <cell r="B912">
            <v>909</v>
          </cell>
          <cell r="H912">
            <v>0</v>
          </cell>
        </row>
        <row r="913">
          <cell r="B913">
            <v>910</v>
          </cell>
          <cell r="H913">
            <v>0</v>
          </cell>
        </row>
        <row r="914">
          <cell r="B914">
            <v>911</v>
          </cell>
          <cell r="H914">
            <v>0</v>
          </cell>
        </row>
        <row r="915">
          <cell r="B915">
            <v>912</v>
          </cell>
          <cell r="H915">
            <v>0</v>
          </cell>
        </row>
        <row r="916">
          <cell r="B916">
            <v>913</v>
          </cell>
          <cell r="H916">
            <v>0</v>
          </cell>
        </row>
        <row r="917">
          <cell r="B917">
            <v>914</v>
          </cell>
          <cell r="H917">
            <v>0</v>
          </cell>
        </row>
        <row r="918">
          <cell r="B918">
            <v>915</v>
          </cell>
          <cell r="H918">
            <v>0</v>
          </cell>
        </row>
        <row r="919">
          <cell r="B919">
            <v>916</v>
          </cell>
          <cell r="H919">
            <v>0</v>
          </cell>
        </row>
        <row r="920">
          <cell r="B920">
            <v>917</v>
          </cell>
          <cell r="H920">
            <v>0</v>
          </cell>
        </row>
        <row r="921">
          <cell r="B921">
            <v>918</v>
          </cell>
          <cell r="H921">
            <v>0</v>
          </cell>
        </row>
        <row r="922">
          <cell r="B922">
            <v>919</v>
          </cell>
          <cell r="H922">
            <v>0</v>
          </cell>
        </row>
        <row r="923">
          <cell r="B923">
            <v>920</v>
          </cell>
          <cell r="H923">
            <v>0</v>
          </cell>
        </row>
        <row r="924">
          <cell r="B924">
            <v>921</v>
          </cell>
          <cell r="H924">
            <v>0</v>
          </cell>
        </row>
        <row r="925">
          <cell r="B925">
            <v>922</v>
          </cell>
          <cell r="H925">
            <v>0</v>
          </cell>
        </row>
        <row r="926">
          <cell r="B926">
            <v>923</v>
          </cell>
          <cell r="H926">
            <v>0</v>
          </cell>
        </row>
        <row r="927">
          <cell r="B927">
            <v>924</v>
          </cell>
          <cell r="H927">
            <v>0</v>
          </cell>
        </row>
        <row r="928">
          <cell r="B928">
            <v>925</v>
          </cell>
          <cell r="H928">
            <v>0</v>
          </cell>
        </row>
        <row r="929">
          <cell r="B929">
            <v>926</v>
          </cell>
          <cell r="H929">
            <v>0</v>
          </cell>
        </row>
        <row r="930">
          <cell r="B930">
            <v>927</v>
          </cell>
          <cell r="H930">
            <v>0</v>
          </cell>
        </row>
        <row r="931">
          <cell r="B931">
            <v>928</v>
          </cell>
          <cell r="H931">
            <v>0</v>
          </cell>
        </row>
        <row r="932">
          <cell r="B932">
            <v>929</v>
          </cell>
          <cell r="H932">
            <v>0</v>
          </cell>
        </row>
        <row r="933">
          <cell r="B933">
            <v>930</v>
          </cell>
          <cell r="H933">
            <v>0</v>
          </cell>
        </row>
        <row r="934">
          <cell r="B934">
            <v>931</v>
          </cell>
          <cell r="H934">
            <v>0</v>
          </cell>
        </row>
        <row r="935">
          <cell r="B935">
            <v>932</v>
          </cell>
          <cell r="H935">
            <v>0</v>
          </cell>
        </row>
        <row r="936">
          <cell r="B936">
            <v>933</v>
          </cell>
          <cell r="H936">
            <v>0</v>
          </cell>
        </row>
        <row r="937">
          <cell r="B937">
            <v>934</v>
          </cell>
          <cell r="H937">
            <v>0</v>
          </cell>
        </row>
        <row r="938">
          <cell r="B938">
            <v>935</v>
          </cell>
          <cell r="H938">
            <v>0</v>
          </cell>
        </row>
        <row r="939">
          <cell r="B939">
            <v>936</v>
          </cell>
          <cell r="H939">
            <v>0</v>
          </cell>
        </row>
        <row r="940">
          <cell r="B940">
            <v>937</v>
          </cell>
          <cell r="H940">
            <v>0</v>
          </cell>
        </row>
        <row r="941">
          <cell r="B941">
            <v>938</v>
          </cell>
          <cell r="H941">
            <v>0</v>
          </cell>
        </row>
        <row r="942">
          <cell r="B942">
            <v>939</v>
          </cell>
          <cell r="H942">
            <v>0</v>
          </cell>
        </row>
        <row r="943">
          <cell r="B943">
            <v>940</v>
          </cell>
          <cell r="H943">
            <v>0</v>
          </cell>
        </row>
        <row r="944">
          <cell r="B944">
            <v>941</v>
          </cell>
          <cell r="H944">
            <v>0</v>
          </cell>
        </row>
        <row r="945">
          <cell r="B945">
            <v>942</v>
          </cell>
          <cell r="H945">
            <v>0</v>
          </cell>
        </row>
        <row r="946">
          <cell r="B946">
            <v>943</v>
          </cell>
          <cell r="H946">
            <v>0</v>
          </cell>
        </row>
        <row r="947">
          <cell r="B947">
            <v>944</v>
          </cell>
          <cell r="H947">
            <v>0</v>
          </cell>
        </row>
        <row r="948">
          <cell r="B948">
            <v>945</v>
          </cell>
          <cell r="H948">
            <v>0</v>
          </cell>
        </row>
        <row r="949">
          <cell r="B949">
            <v>946</v>
          </cell>
          <cell r="H949">
            <v>0</v>
          </cell>
        </row>
        <row r="950">
          <cell r="B950">
            <v>947</v>
          </cell>
          <cell r="H950">
            <v>0</v>
          </cell>
        </row>
        <row r="951">
          <cell r="B951">
            <v>948</v>
          </cell>
          <cell r="H951">
            <v>0</v>
          </cell>
        </row>
        <row r="952">
          <cell r="B952">
            <v>949</v>
          </cell>
          <cell r="H952">
            <v>0</v>
          </cell>
        </row>
        <row r="953">
          <cell r="B953">
            <v>950</v>
          </cell>
          <cell r="H953">
            <v>0</v>
          </cell>
        </row>
        <row r="954">
          <cell r="B954">
            <v>951</v>
          </cell>
          <cell r="H954">
            <v>0</v>
          </cell>
        </row>
        <row r="955">
          <cell r="B955">
            <v>952</v>
          </cell>
          <cell r="H955">
            <v>0</v>
          </cell>
        </row>
        <row r="956">
          <cell r="B956">
            <v>953</v>
          </cell>
          <cell r="H956">
            <v>0</v>
          </cell>
        </row>
        <row r="957">
          <cell r="B957">
            <v>954</v>
          </cell>
          <cell r="H957">
            <v>0</v>
          </cell>
        </row>
        <row r="958">
          <cell r="B958">
            <v>955</v>
          </cell>
          <cell r="H958">
            <v>0</v>
          </cell>
        </row>
        <row r="959">
          <cell r="B959">
            <v>956</v>
          </cell>
          <cell r="H959">
            <v>0</v>
          </cell>
        </row>
        <row r="960">
          <cell r="B960">
            <v>957</v>
          </cell>
          <cell r="H960">
            <v>0</v>
          </cell>
        </row>
        <row r="961">
          <cell r="B961">
            <v>958</v>
          </cell>
          <cell r="H961">
            <v>0</v>
          </cell>
        </row>
        <row r="962">
          <cell r="B962">
            <v>959</v>
          </cell>
          <cell r="H962">
            <v>0</v>
          </cell>
        </row>
        <row r="963">
          <cell r="B963">
            <v>960</v>
          </cell>
          <cell r="H963">
            <v>0</v>
          </cell>
        </row>
        <row r="964">
          <cell r="B964">
            <v>961</v>
          </cell>
          <cell r="H964">
            <v>0</v>
          </cell>
        </row>
        <row r="965">
          <cell r="B965">
            <v>962</v>
          </cell>
          <cell r="H965">
            <v>0</v>
          </cell>
        </row>
        <row r="966">
          <cell r="B966">
            <v>963</v>
          </cell>
          <cell r="H966">
            <v>0</v>
          </cell>
        </row>
        <row r="967">
          <cell r="B967">
            <v>964</v>
          </cell>
          <cell r="H967">
            <v>0</v>
          </cell>
        </row>
        <row r="968">
          <cell r="B968">
            <v>965</v>
          </cell>
          <cell r="H968">
            <v>0</v>
          </cell>
        </row>
        <row r="969">
          <cell r="B969">
            <v>966</v>
          </cell>
          <cell r="H969">
            <v>0</v>
          </cell>
        </row>
        <row r="970">
          <cell r="B970">
            <v>967</v>
          </cell>
          <cell r="H970">
            <v>0</v>
          </cell>
        </row>
        <row r="971">
          <cell r="B971">
            <v>968</v>
          </cell>
          <cell r="H971">
            <v>0</v>
          </cell>
        </row>
        <row r="972">
          <cell r="B972">
            <v>969</v>
          </cell>
          <cell r="H972">
            <v>0</v>
          </cell>
        </row>
        <row r="973">
          <cell r="B973">
            <v>970</v>
          </cell>
          <cell r="H973">
            <v>0</v>
          </cell>
        </row>
        <row r="974">
          <cell r="B974">
            <v>971</v>
          </cell>
          <cell r="H974">
            <v>0</v>
          </cell>
        </row>
        <row r="975">
          <cell r="B975">
            <v>972</v>
          </cell>
          <cell r="H975">
            <v>0</v>
          </cell>
        </row>
        <row r="976">
          <cell r="B976">
            <v>973</v>
          </cell>
          <cell r="H976">
            <v>0</v>
          </cell>
        </row>
        <row r="977">
          <cell r="B977">
            <v>974</v>
          </cell>
          <cell r="H977">
            <v>0</v>
          </cell>
        </row>
        <row r="978">
          <cell r="B978">
            <v>975</v>
          </cell>
          <cell r="H978">
            <v>0</v>
          </cell>
        </row>
        <row r="979">
          <cell r="B979">
            <v>976</v>
          </cell>
          <cell r="H979">
            <v>0</v>
          </cell>
        </row>
        <row r="980">
          <cell r="B980">
            <v>977</v>
          </cell>
          <cell r="H980">
            <v>0</v>
          </cell>
        </row>
        <row r="981">
          <cell r="B981">
            <v>978</v>
          </cell>
          <cell r="H981">
            <v>0</v>
          </cell>
        </row>
        <row r="982">
          <cell r="B982">
            <v>979</v>
          </cell>
          <cell r="H982">
            <v>0</v>
          </cell>
        </row>
        <row r="983">
          <cell r="B983">
            <v>980</v>
          </cell>
          <cell r="H983">
            <v>0</v>
          </cell>
        </row>
        <row r="984">
          <cell r="B984">
            <v>981</v>
          </cell>
          <cell r="H984">
            <v>0</v>
          </cell>
        </row>
        <row r="985">
          <cell r="B985">
            <v>982</v>
          </cell>
          <cell r="H985">
            <v>0</v>
          </cell>
        </row>
        <row r="986">
          <cell r="B986">
            <v>983</v>
          </cell>
          <cell r="H986">
            <v>0</v>
          </cell>
        </row>
        <row r="987">
          <cell r="B987">
            <v>984</v>
          </cell>
          <cell r="H987">
            <v>0</v>
          </cell>
        </row>
        <row r="988">
          <cell r="B988">
            <v>985</v>
          </cell>
          <cell r="H988">
            <v>0</v>
          </cell>
        </row>
        <row r="989">
          <cell r="B989">
            <v>986</v>
          </cell>
          <cell r="H989">
            <v>0</v>
          </cell>
        </row>
        <row r="990">
          <cell r="B990">
            <v>987</v>
          </cell>
          <cell r="H990">
            <v>0</v>
          </cell>
        </row>
        <row r="991">
          <cell r="B991">
            <v>988</v>
          </cell>
          <cell r="H991">
            <v>0</v>
          </cell>
        </row>
        <row r="992">
          <cell r="B992">
            <v>989</v>
          </cell>
          <cell r="H992">
            <v>0</v>
          </cell>
        </row>
        <row r="993">
          <cell r="B993">
            <v>990</v>
          </cell>
          <cell r="H993">
            <v>0</v>
          </cell>
        </row>
        <row r="994">
          <cell r="B994">
            <v>991</v>
          </cell>
          <cell r="H994">
            <v>0</v>
          </cell>
        </row>
        <row r="995">
          <cell r="B995">
            <v>992</v>
          </cell>
          <cell r="H995">
            <v>0</v>
          </cell>
        </row>
        <row r="996">
          <cell r="B996">
            <v>993</v>
          </cell>
          <cell r="H996">
            <v>0</v>
          </cell>
        </row>
        <row r="997">
          <cell r="B997">
            <v>994</v>
          </cell>
          <cell r="H997">
            <v>0</v>
          </cell>
        </row>
        <row r="998">
          <cell r="B998">
            <v>995</v>
          </cell>
          <cell r="H998">
            <v>0</v>
          </cell>
        </row>
        <row r="999">
          <cell r="B999">
            <v>996</v>
          </cell>
          <cell r="H999">
            <v>0</v>
          </cell>
        </row>
        <row r="1000">
          <cell r="B1000">
            <v>997</v>
          </cell>
          <cell r="H1000">
            <v>0</v>
          </cell>
        </row>
        <row r="1001">
          <cell r="B1001">
            <v>998</v>
          </cell>
          <cell r="H1001">
            <v>0</v>
          </cell>
        </row>
        <row r="1002">
          <cell r="B1002">
            <v>999</v>
          </cell>
          <cell r="H1002">
            <v>0</v>
          </cell>
        </row>
        <row r="1003">
          <cell r="B1003">
            <v>1000</v>
          </cell>
          <cell r="H1003">
            <v>0</v>
          </cell>
        </row>
        <row r="1004">
          <cell r="B1004">
            <v>1001</v>
          </cell>
          <cell r="H1004">
            <v>0</v>
          </cell>
        </row>
        <row r="1005">
          <cell r="B1005">
            <v>1002</v>
          </cell>
          <cell r="H1005">
            <v>0</v>
          </cell>
        </row>
        <row r="1006">
          <cell r="B1006">
            <v>1003</v>
          </cell>
          <cell r="H1006">
            <v>0</v>
          </cell>
        </row>
        <row r="1007">
          <cell r="B1007">
            <v>1004</v>
          </cell>
          <cell r="H1007">
            <v>0</v>
          </cell>
        </row>
        <row r="1008">
          <cell r="B1008">
            <v>1005</v>
          </cell>
          <cell r="H1008">
            <v>0</v>
          </cell>
        </row>
        <row r="1009">
          <cell r="B1009">
            <v>1006</v>
          </cell>
          <cell r="H1009">
            <v>0</v>
          </cell>
        </row>
        <row r="1010">
          <cell r="B1010">
            <v>1007</v>
          </cell>
          <cell r="H1010">
            <v>0</v>
          </cell>
        </row>
        <row r="1011">
          <cell r="B1011">
            <v>1008</v>
          </cell>
          <cell r="H1011">
            <v>0</v>
          </cell>
        </row>
        <row r="1012">
          <cell r="B1012">
            <v>1009</v>
          </cell>
          <cell r="H1012">
            <v>0</v>
          </cell>
        </row>
        <row r="1013">
          <cell r="B1013">
            <v>1010</v>
          </cell>
          <cell r="H1013">
            <v>0</v>
          </cell>
        </row>
        <row r="1014">
          <cell r="B1014">
            <v>1011</v>
          </cell>
          <cell r="H1014">
            <v>0</v>
          </cell>
        </row>
        <row r="1015">
          <cell r="B1015">
            <v>1012</v>
          </cell>
          <cell r="H1015">
            <v>0</v>
          </cell>
        </row>
        <row r="1016">
          <cell r="B1016">
            <v>1013</v>
          </cell>
          <cell r="H1016">
            <v>0</v>
          </cell>
        </row>
        <row r="1017">
          <cell r="B1017">
            <v>1014</v>
          </cell>
          <cell r="H1017">
            <v>0</v>
          </cell>
        </row>
        <row r="1018">
          <cell r="B1018">
            <v>1015</v>
          </cell>
          <cell r="H1018">
            <v>0</v>
          </cell>
        </row>
        <row r="1019">
          <cell r="B1019">
            <v>1016</v>
          </cell>
          <cell r="H1019">
            <v>0</v>
          </cell>
        </row>
        <row r="1020">
          <cell r="B1020">
            <v>1017</v>
          </cell>
          <cell r="H1020">
            <v>0</v>
          </cell>
        </row>
        <row r="1021">
          <cell r="B1021">
            <v>1018</v>
          </cell>
          <cell r="H1021">
            <v>0</v>
          </cell>
        </row>
        <row r="1022">
          <cell r="B1022">
            <v>1019</v>
          </cell>
          <cell r="H1022">
            <v>0</v>
          </cell>
        </row>
        <row r="1023">
          <cell r="B1023">
            <v>1020</v>
          </cell>
          <cell r="H1023">
            <v>0</v>
          </cell>
        </row>
        <row r="1024">
          <cell r="B1024">
            <v>1021</v>
          </cell>
          <cell r="H1024">
            <v>0</v>
          </cell>
        </row>
        <row r="1025">
          <cell r="B1025">
            <v>1022</v>
          </cell>
          <cell r="H1025">
            <v>0</v>
          </cell>
        </row>
        <row r="1026">
          <cell r="B1026">
            <v>1023</v>
          </cell>
          <cell r="H1026">
            <v>0</v>
          </cell>
        </row>
        <row r="1027">
          <cell r="B1027">
            <v>1024</v>
          </cell>
          <cell r="H1027">
            <v>0</v>
          </cell>
        </row>
        <row r="1028">
          <cell r="B1028">
            <v>1025</v>
          </cell>
          <cell r="H1028">
            <v>0</v>
          </cell>
        </row>
        <row r="1029">
          <cell r="B1029">
            <v>1026</v>
          </cell>
          <cell r="H1029">
            <v>0</v>
          </cell>
        </row>
        <row r="1030">
          <cell r="B1030">
            <v>1027</v>
          </cell>
          <cell r="H1030">
            <v>0</v>
          </cell>
        </row>
        <row r="1031">
          <cell r="B1031">
            <v>1028</v>
          </cell>
          <cell r="H1031">
            <v>0</v>
          </cell>
        </row>
        <row r="1032">
          <cell r="B1032">
            <v>1029</v>
          </cell>
          <cell r="H1032">
            <v>0</v>
          </cell>
        </row>
        <row r="1033">
          <cell r="B1033">
            <v>1030</v>
          </cell>
          <cell r="H1033">
            <v>0</v>
          </cell>
        </row>
        <row r="1034">
          <cell r="B1034">
            <v>1031</v>
          </cell>
          <cell r="H1034">
            <v>0</v>
          </cell>
        </row>
        <row r="1035">
          <cell r="B1035">
            <v>1032</v>
          </cell>
          <cell r="H1035">
            <v>0</v>
          </cell>
        </row>
        <row r="1036">
          <cell r="B1036">
            <v>1033</v>
          </cell>
          <cell r="H1036">
            <v>0</v>
          </cell>
        </row>
        <row r="1037">
          <cell r="B1037">
            <v>1034</v>
          </cell>
          <cell r="H1037">
            <v>0</v>
          </cell>
        </row>
        <row r="1038">
          <cell r="B1038">
            <v>1035</v>
          </cell>
          <cell r="H1038">
            <v>0</v>
          </cell>
        </row>
        <row r="1039">
          <cell r="B1039">
            <v>1036</v>
          </cell>
          <cell r="H1039">
            <v>0</v>
          </cell>
        </row>
        <row r="1040">
          <cell r="B1040">
            <v>1037</v>
          </cell>
          <cell r="H1040">
            <v>0</v>
          </cell>
        </row>
        <row r="1041">
          <cell r="B1041">
            <v>1038</v>
          </cell>
          <cell r="H1041">
            <v>0</v>
          </cell>
        </row>
        <row r="1042">
          <cell r="B1042">
            <v>1039</v>
          </cell>
          <cell r="H1042">
            <v>0</v>
          </cell>
        </row>
        <row r="1043">
          <cell r="B1043">
            <v>1040</v>
          </cell>
          <cell r="H1043">
            <v>0</v>
          </cell>
        </row>
        <row r="1044">
          <cell r="B1044">
            <v>1041</v>
          </cell>
          <cell r="H1044">
            <v>0</v>
          </cell>
        </row>
        <row r="1045">
          <cell r="B1045">
            <v>1042</v>
          </cell>
          <cell r="H1045">
            <v>0</v>
          </cell>
        </row>
        <row r="1046">
          <cell r="B1046">
            <v>1043</v>
          </cell>
          <cell r="H1046">
            <v>0</v>
          </cell>
        </row>
        <row r="1047">
          <cell r="B1047">
            <v>1044</v>
          </cell>
          <cell r="H1047">
            <v>0</v>
          </cell>
        </row>
        <row r="1048">
          <cell r="B1048">
            <v>1045</v>
          </cell>
          <cell r="H1048">
            <v>0</v>
          </cell>
        </row>
        <row r="1049">
          <cell r="B1049">
            <v>1046</v>
          </cell>
          <cell r="H1049">
            <v>0</v>
          </cell>
        </row>
        <row r="1050">
          <cell r="B1050">
            <v>1047</v>
          </cell>
          <cell r="H1050">
            <v>0</v>
          </cell>
        </row>
        <row r="1051">
          <cell r="B1051">
            <v>1048</v>
          </cell>
          <cell r="H1051">
            <v>0</v>
          </cell>
        </row>
        <row r="1052">
          <cell r="B1052">
            <v>1049</v>
          </cell>
          <cell r="H1052">
            <v>0</v>
          </cell>
        </row>
        <row r="1053">
          <cell r="B1053">
            <v>1050</v>
          </cell>
          <cell r="H1053">
            <v>0</v>
          </cell>
        </row>
        <row r="1054">
          <cell r="B1054">
            <v>1051</v>
          </cell>
          <cell r="H1054">
            <v>0</v>
          </cell>
        </row>
        <row r="1055">
          <cell r="B1055">
            <v>1052</v>
          </cell>
          <cell r="H1055">
            <v>0</v>
          </cell>
        </row>
        <row r="1056">
          <cell r="B1056">
            <v>1053</v>
          </cell>
          <cell r="H1056">
            <v>0</v>
          </cell>
        </row>
        <row r="1057">
          <cell r="B1057">
            <v>1054</v>
          </cell>
          <cell r="H1057">
            <v>0</v>
          </cell>
        </row>
        <row r="1058">
          <cell r="B1058">
            <v>1055</v>
          </cell>
          <cell r="H1058">
            <v>0</v>
          </cell>
        </row>
        <row r="1059">
          <cell r="B1059">
            <v>1056</v>
          </cell>
          <cell r="H1059">
            <v>0</v>
          </cell>
        </row>
        <row r="1060">
          <cell r="B1060">
            <v>1057</v>
          </cell>
          <cell r="H1060">
            <v>0</v>
          </cell>
        </row>
        <row r="1061">
          <cell r="B1061">
            <v>1058</v>
          </cell>
          <cell r="H1061">
            <v>0</v>
          </cell>
        </row>
        <row r="1062">
          <cell r="B1062">
            <v>1059</v>
          </cell>
          <cell r="H1062">
            <v>0</v>
          </cell>
        </row>
        <row r="1063">
          <cell r="B1063">
            <v>1060</v>
          </cell>
          <cell r="H1063">
            <v>0</v>
          </cell>
        </row>
        <row r="1064">
          <cell r="B1064">
            <v>1061</v>
          </cell>
          <cell r="H1064">
            <v>0</v>
          </cell>
        </row>
        <row r="1065">
          <cell r="B1065">
            <v>1062</v>
          </cell>
          <cell r="H1065">
            <v>0</v>
          </cell>
        </row>
        <row r="1066">
          <cell r="B1066">
            <v>1063</v>
          </cell>
          <cell r="H1066">
            <v>0</v>
          </cell>
        </row>
        <row r="1067">
          <cell r="B1067">
            <v>1064</v>
          </cell>
          <cell r="H1067">
            <v>0</v>
          </cell>
        </row>
        <row r="1068">
          <cell r="B1068">
            <v>1065</v>
          </cell>
          <cell r="H1068">
            <v>0</v>
          </cell>
        </row>
        <row r="1069">
          <cell r="B1069">
            <v>1066</v>
          </cell>
          <cell r="H1069">
            <v>0</v>
          </cell>
        </row>
        <row r="1070">
          <cell r="B1070">
            <v>1067</v>
          </cell>
          <cell r="H1070">
            <v>0</v>
          </cell>
        </row>
        <row r="1071">
          <cell r="B1071">
            <v>1068</v>
          </cell>
          <cell r="H1071">
            <v>0</v>
          </cell>
        </row>
        <row r="1072">
          <cell r="B1072">
            <v>1069</v>
          </cell>
          <cell r="H1072">
            <v>0</v>
          </cell>
        </row>
        <row r="1073">
          <cell r="B1073">
            <v>1070</v>
          </cell>
          <cell r="H1073">
            <v>0</v>
          </cell>
        </row>
        <row r="1074">
          <cell r="B1074">
            <v>1071</v>
          </cell>
          <cell r="H1074">
            <v>0</v>
          </cell>
        </row>
        <row r="1075">
          <cell r="B1075">
            <v>1072</v>
          </cell>
          <cell r="H1075">
            <v>0</v>
          </cell>
        </row>
        <row r="1076">
          <cell r="B1076">
            <v>1073</v>
          </cell>
          <cell r="H1076">
            <v>0</v>
          </cell>
        </row>
        <row r="1077">
          <cell r="B1077">
            <v>1074</v>
          </cell>
          <cell r="H1077">
            <v>0</v>
          </cell>
        </row>
        <row r="1078">
          <cell r="B1078">
            <v>1075</v>
          </cell>
          <cell r="H1078">
            <v>0</v>
          </cell>
        </row>
        <row r="1079">
          <cell r="B1079">
            <v>1076</v>
          </cell>
          <cell r="H1079">
            <v>0</v>
          </cell>
        </row>
        <row r="1080">
          <cell r="B1080">
            <v>1077</v>
          </cell>
          <cell r="H1080">
            <v>0</v>
          </cell>
        </row>
        <row r="1081">
          <cell r="B1081">
            <v>1078</v>
          </cell>
          <cell r="H1081">
            <v>0</v>
          </cell>
        </row>
        <row r="1082">
          <cell r="B1082">
            <v>1079</v>
          </cell>
          <cell r="H1082">
            <v>0</v>
          </cell>
        </row>
        <row r="1083">
          <cell r="B1083">
            <v>1080</v>
          </cell>
          <cell r="H1083">
            <v>0</v>
          </cell>
        </row>
        <row r="1084">
          <cell r="B1084">
            <v>1081</v>
          </cell>
          <cell r="H1084">
            <v>0</v>
          </cell>
        </row>
        <row r="1085">
          <cell r="B1085">
            <v>1082</v>
          </cell>
          <cell r="H1085">
            <v>0</v>
          </cell>
        </row>
        <row r="1086">
          <cell r="B1086">
            <v>1083</v>
          </cell>
          <cell r="H1086">
            <v>0</v>
          </cell>
        </row>
        <row r="1087">
          <cell r="B1087">
            <v>1084</v>
          </cell>
          <cell r="H1087">
            <v>0</v>
          </cell>
        </row>
        <row r="1088">
          <cell r="B1088">
            <v>1085</v>
          </cell>
          <cell r="H1088">
            <v>0</v>
          </cell>
        </row>
        <row r="1089">
          <cell r="B1089">
            <v>1086</v>
          </cell>
          <cell r="H1089">
            <v>0</v>
          </cell>
        </row>
        <row r="1090">
          <cell r="B1090">
            <v>1087</v>
          </cell>
          <cell r="H1090">
            <v>0</v>
          </cell>
        </row>
        <row r="1091">
          <cell r="B1091">
            <v>1088</v>
          </cell>
          <cell r="H1091">
            <v>0</v>
          </cell>
        </row>
        <row r="1092">
          <cell r="B1092">
            <v>1089</v>
          </cell>
          <cell r="H1092">
            <v>0</v>
          </cell>
        </row>
        <row r="1093">
          <cell r="B1093">
            <v>1090</v>
          </cell>
          <cell r="H1093">
            <v>0</v>
          </cell>
        </row>
        <row r="1094">
          <cell r="B1094">
            <v>1091</v>
          </cell>
          <cell r="H1094">
            <v>0</v>
          </cell>
        </row>
        <row r="1095">
          <cell r="B1095">
            <v>1092</v>
          </cell>
          <cell r="H1095">
            <v>0</v>
          </cell>
        </row>
        <row r="1096">
          <cell r="B1096">
            <v>1093</v>
          </cell>
          <cell r="H1096">
            <v>0</v>
          </cell>
        </row>
        <row r="1097">
          <cell r="B1097">
            <v>1094</v>
          </cell>
          <cell r="H1097">
            <v>0</v>
          </cell>
        </row>
        <row r="1098">
          <cell r="B1098">
            <v>1095</v>
          </cell>
          <cell r="H1098">
            <v>0</v>
          </cell>
        </row>
        <row r="1099">
          <cell r="B1099">
            <v>1096</v>
          </cell>
          <cell r="H1099">
            <v>0</v>
          </cell>
        </row>
        <row r="1100">
          <cell r="B1100">
            <v>1097</v>
          </cell>
          <cell r="H1100">
            <v>0</v>
          </cell>
        </row>
        <row r="1101">
          <cell r="B1101">
            <v>1098</v>
          </cell>
          <cell r="H1101">
            <v>0</v>
          </cell>
        </row>
        <row r="1102">
          <cell r="B1102">
            <v>1099</v>
          </cell>
          <cell r="H1102">
            <v>0</v>
          </cell>
        </row>
        <row r="1103">
          <cell r="B1103">
            <v>1100</v>
          </cell>
          <cell r="H1103">
            <v>0</v>
          </cell>
        </row>
        <row r="1104">
          <cell r="B1104">
            <v>1101</v>
          </cell>
          <cell r="H1104">
            <v>0</v>
          </cell>
        </row>
        <row r="1105">
          <cell r="B1105">
            <v>1102</v>
          </cell>
          <cell r="H1105">
            <v>0</v>
          </cell>
        </row>
        <row r="1106">
          <cell r="B1106">
            <v>1103</v>
          </cell>
          <cell r="H1106">
            <v>0</v>
          </cell>
        </row>
        <row r="1107">
          <cell r="B1107">
            <v>1104</v>
          </cell>
          <cell r="H1107">
            <v>0</v>
          </cell>
        </row>
        <row r="1108">
          <cell r="B1108">
            <v>1105</v>
          </cell>
          <cell r="H1108">
            <v>0</v>
          </cell>
        </row>
        <row r="1109">
          <cell r="B1109">
            <v>1106</v>
          </cell>
          <cell r="H1109">
            <v>0</v>
          </cell>
        </row>
        <row r="1110">
          <cell r="B1110">
            <v>1107</v>
          </cell>
          <cell r="H1110">
            <v>0</v>
          </cell>
        </row>
        <row r="1111">
          <cell r="B1111">
            <v>1108</v>
          </cell>
          <cell r="H1111">
            <v>0</v>
          </cell>
        </row>
        <row r="1112">
          <cell r="B1112">
            <v>1109</v>
          </cell>
          <cell r="H1112">
            <v>0</v>
          </cell>
        </row>
        <row r="1113">
          <cell r="B1113">
            <v>1110</v>
          </cell>
          <cell r="H1113">
            <v>0</v>
          </cell>
        </row>
        <row r="1114">
          <cell r="B1114">
            <v>1111</v>
          </cell>
          <cell r="H1114">
            <v>0</v>
          </cell>
        </row>
        <row r="1115">
          <cell r="B1115">
            <v>1112</v>
          </cell>
          <cell r="H1115">
            <v>0</v>
          </cell>
        </row>
        <row r="1116">
          <cell r="B1116">
            <v>1113</v>
          </cell>
          <cell r="H1116">
            <v>0</v>
          </cell>
        </row>
        <row r="1117">
          <cell r="B1117">
            <v>1114</v>
          </cell>
          <cell r="H1117">
            <v>0</v>
          </cell>
        </row>
        <row r="1118">
          <cell r="B1118">
            <v>1115</v>
          </cell>
          <cell r="H1118">
            <v>0</v>
          </cell>
        </row>
        <row r="1119">
          <cell r="B1119">
            <v>1116</v>
          </cell>
          <cell r="H1119">
            <v>0</v>
          </cell>
        </row>
        <row r="1120">
          <cell r="B1120">
            <v>1117</v>
          </cell>
          <cell r="H1120">
            <v>0</v>
          </cell>
        </row>
        <row r="1121">
          <cell r="B1121">
            <v>1118</v>
          </cell>
          <cell r="H1121">
            <v>0</v>
          </cell>
        </row>
        <row r="1122">
          <cell r="B1122">
            <v>1119</v>
          </cell>
          <cell r="H1122">
            <v>0</v>
          </cell>
        </row>
        <row r="1123">
          <cell r="B1123">
            <v>1120</v>
          </cell>
          <cell r="H1123">
            <v>0</v>
          </cell>
        </row>
        <row r="1124">
          <cell r="B1124">
            <v>1121</v>
          </cell>
          <cell r="H1124">
            <v>0</v>
          </cell>
        </row>
        <row r="1125">
          <cell r="B1125">
            <v>1122</v>
          </cell>
          <cell r="H1125">
            <v>0</v>
          </cell>
        </row>
        <row r="1126">
          <cell r="B1126">
            <v>1123</v>
          </cell>
          <cell r="H1126">
            <v>0</v>
          </cell>
        </row>
        <row r="1127">
          <cell r="B1127">
            <v>1124</v>
          </cell>
          <cell r="H1127">
            <v>0</v>
          </cell>
        </row>
        <row r="1128">
          <cell r="B1128">
            <v>1125</v>
          </cell>
          <cell r="H1128">
            <v>0</v>
          </cell>
        </row>
        <row r="1129">
          <cell r="B1129">
            <v>1126</v>
          </cell>
          <cell r="H1129">
            <v>0</v>
          </cell>
        </row>
        <row r="1130">
          <cell r="B1130">
            <v>1127</v>
          </cell>
          <cell r="H1130">
            <v>0</v>
          </cell>
        </row>
        <row r="1131">
          <cell r="B1131">
            <v>1128</v>
          </cell>
          <cell r="H1131">
            <v>0</v>
          </cell>
        </row>
        <row r="1132">
          <cell r="B1132">
            <v>1129</v>
          </cell>
          <cell r="H1132">
            <v>0</v>
          </cell>
        </row>
        <row r="1133">
          <cell r="B1133">
            <v>1130</v>
          </cell>
          <cell r="H1133">
            <v>0</v>
          </cell>
        </row>
        <row r="1134">
          <cell r="B1134">
            <v>1131</v>
          </cell>
          <cell r="H1134">
            <v>0</v>
          </cell>
        </row>
        <row r="1135">
          <cell r="B1135">
            <v>1132</v>
          </cell>
          <cell r="H1135">
            <v>0</v>
          </cell>
        </row>
        <row r="1136">
          <cell r="B1136">
            <v>1133</v>
          </cell>
          <cell r="H1136">
            <v>0</v>
          </cell>
        </row>
        <row r="1137">
          <cell r="B1137">
            <v>1134</v>
          </cell>
          <cell r="H1137">
            <v>0</v>
          </cell>
        </row>
        <row r="1138">
          <cell r="B1138">
            <v>1135</v>
          </cell>
          <cell r="H1138">
            <v>0</v>
          </cell>
        </row>
        <row r="1139">
          <cell r="B1139">
            <v>1136</v>
          </cell>
          <cell r="H1139">
            <v>0</v>
          </cell>
        </row>
        <row r="1140">
          <cell r="B1140">
            <v>1137</v>
          </cell>
          <cell r="H1140">
            <v>0</v>
          </cell>
        </row>
        <row r="1141">
          <cell r="B1141">
            <v>1138</v>
          </cell>
          <cell r="H1141">
            <v>0</v>
          </cell>
        </row>
        <row r="1142">
          <cell r="B1142">
            <v>1139</v>
          </cell>
          <cell r="H1142">
            <v>0</v>
          </cell>
        </row>
        <row r="1143">
          <cell r="B1143">
            <v>1140</v>
          </cell>
          <cell r="H1143">
            <v>0</v>
          </cell>
        </row>
        <row r="1144">
          <cell r="B1144">
            <v>1141</v>
          </cell>
          <cell r="H1144">
            <v>0</v>
          </cell>
        </row>
        <row r="1145">
          <cell r="B1145">
            <v>1142</v>
          </cell>
          <cell r="H1145">
            <v>0</v>
          </cell>
        </row>
        <row r="1146">
          <cell r="B1146">
            <v>1143</v>
          </cell>
          <cell r="H1146">
            <v>0</v>
          </cell>
        </row>
        <row r="1147">
          <cell r="B1147">
            <v>1144</v>
          </cell>
          <cell r="H1147">
            <v>0</v>
          </cell>
        </row>
        <row r="1148">
          <cell r="B1148">
            <v>1145</v>
          </cell>
          <cell r="H1148">
            <v>0</v>
          </cell>
        </row>
        <row r="1149">
          <cell r="B1149">
            <v>1146</v>
          </cell>
          <cell r="H1149">
            <v>0</v>
          </cell>
        </row>
        <row r="1150">
          <cell r="B1150">
            <v>1147</v>
          </cell>
          <cell r="H1150">
            <v>0</v>
          </cell>
        </row>
        <row r="1151">
          <cell r="B1151">
            <v>1148</v>
          </cell>
          <cell r="H1151">
            <v>0</v>
          </cell>
        </row>
        <row r="1152">
          <cell r="B1152">
            <v>1149</v>
          </cell>
          <cell r="H1152">
            <v>0</v>
          </cell>
        </row>
        <row r="1153">
          <cell r="B1153">
            <v>1150</v>
          </cell>
          <cell r="H1153">
            <v>0</v>
          </cell>
        </row>
        <row r="1154">
          <cell r="B1154">
            <v>1151</v>
          </cell>
          <cell r="H1154">
            <v>0</v>
          </cell>
        </row>
        <row r="1155">
          <cell r="B1155">
            <v>1152</v>
          </cell>
          <cell r="H1155">
            <v>0</v>
          </cell>
        </row>
        <row r="1156">
          <cell r="B1156">
            <v>1153</v>
          </cell>
          <cell r="H1156">
            <v>0</v>
          </cell>
        </row>
        <row r="1157">
          <cell r="B1157">
            <v>1154</v>
          </cell>
          <cell r="H1157">
            <v>0</v>
          </cell>
        </row>
        <row r="1158">
          <cell r="B1158">
            <v>1155</v>
          </cell>
          <cell r="H1158">
            <v>0</v>
          </cell>
        </row>
        <row r="1159">
          <cell r="B1159">
            <v>1156</v>
          </cell>
          <cell r="H1159">
            <v>0</v>
          </cell>
        </row>
        <row r="1160">
          <cell r="B1160">
            <v>1157</v>
          </cell>
          <cell r="H1160">
            <v>0</v>
          </cell>
        </row>
        <row r="1161">
          <cell r="B1161">
            <v>1158</v>
          </cell>
          <cell r="H1161">
            <v>0</v>
          </cell>
        </row>
        <row r="1162">
          <cell r="B1162">
            <v>1159</v>
          </cell>
          <cell r="H1162">
            <v>0</v>
          </cell>
        </row>
        <row r="1163">
          <cell r="B1163">
            <v>1160</v>
          </cell>
          <cell r="H1163">
            <v>0</v>
          </cell>
        </row>
        <row r="1164">
          <cell r="B1164">
            <v>1161</v>
          </cell>
          <cell r="H1164">
            <v>0</v>
          </cell>
        </row>
        <row r="1165">
          <cell r="B1165">
            <v>1162</v>
          </cell>
          <cell r="H1165">
            <v>0</v>
          </cell>
        </row>
        <row r="1166">
          <cell r="B1166">
            <v>1163</v>
          </cell>
          <cell r="H1166">
            <v>0</v>
          </cell>
        </row>
        <row r="1167">
          <cell r="B1167">
            <v>1164</v>
          </cell>
          <cell r="H1167">
            <v>0</v>
          </cell>
        </row>
        <row r="1168">
          <cell r="B1168">
            <v>1165</v>
          </cell>
          <cell r="H1168">
            <v>0</v>
          </cell>
        </row>
        <row r="1169">
          <cell r="B1169">
            <v>1166</v>
          </cell>
          <cell r="H1169">
            <v>0</v>
          </cell>
        </row>
        <row r="1170">
          <cell r="B1170">
            <v>1167</v>
          </cell>
          <cell r="H1170">
            <v>0</v>
          </cell>
        </row>
        <row r="1171">
          <cell r="B1171">
            <v>1168</v>
          </cell>
          <cell r="H1171">
            <v>0</v>
          </cell>
        </row>
        <row r="1172">
          <cell r="B1172">
            <v>1169</v>
          </cell>
          <cell r="H1172">
            <v>0</v>
          </cell>
        </row>
        <row r="1173">
          <cell r="B1173">
            <v>1170</v>
          </cell>
          <cell r="H1173">
            <v>0</v>
          </cell>
        </row>
        <row r="1174">
          <cell r="B1174">
            <v>1171</v>
          </cell>
          <cell r="H1174">
            <v>0</v>
          </cell>
        </row>
        <row r="1175">
          <cell r="B1175">
            <v>1172</v>
          </cell>
          <cell r="H1175">
            <v>0</v>
          </cell>
        </row>
        <row r="1176">
          <cell r="B1176">
            <v>1173</v>
          </cell>
          <cell r="H1176">
            <v>0</v>
          </cell>
        </row>
        <row r="1177">
          <cell r="B1177">
            <v>1174</v>
          </cell>
          <cell r="H1177">
            <v>0</v>
          </cell>
        </row>
        <row r="1178">
          <cell r="B1178">
            <v>1175</v>
          </cell>
          <cell r="H1178">
            <v>0</v>
          </cell>
        </row>
        <row r="1179">
          <cell r="B1179">
            <v>1176</v>
          </cell>
          <cell r="H1179">
            <v>0</v>
          </cell>
        </row>
        <row r="1180">
          <cell r="B1180">
            <v>1177</v>
          </cell>
          <cell r="H1180">
            <v>0</v>
          </cell>
        </row>
        <row r="1181">
          <cell r="B1181">
            <v>1178</v>
          </cell>
          <cell r="H1181">
            <v>0</v>
          </cell>
        </row>
        <row r="1182">
          <cell r="B1182">
            <v>1179</v>
          </cell>
          <cell r="H1182">
            <v>0</v>
          </cell>
        </row>
        <row r="1183">
          <cell r="B1183">
            <v>1180</v>
          </cell>
          <cell r="H1183">
            <v>0</v>
          </cell>
        </row>
        <row r="1184">
          <cell r="B1184">
            <v>1181</v>
          </cell>
          <cell r="H1184">
            <v>0</v>
          </cell>
        </row>
        <row r="1185">
          <cell r="B1185">
            <v>1182</v>
          </cell>
          <cell r="H1185">
            <v>0</v>
          </cell>
        </row>
        <row r="1186">
          <cell r="B1186">
            <v>1183</v>
          </cell>
          <cell r="H1186">
            <v>0</v>
          </cell>
        </row>
        <row r="1187">
          <cell r="B1187">
            <v>1184</v>
          </cell>
          <cell r="H1187">
            <v>0</v>
          </cell>
        </row>
        <row r="1188">
          <cell r="B1188">
            <v>1185</v>
          </cell>
          <cell r="H1188">
            <v>0</v>
          </cell>
        </row>
        <row r="1189">
          <cell r="B1189">
            <v>1186</v>
          </cell>
          <cell r="H1189">
            <v>0</v>
          </cell>
        </row>
        <row r="1190">
          <cell r="B1190">
            <v>1187</v>
          </cell>
          <cell r="H1190">
            <v>0</v>
          </cell>
        </row>
        <row r="1191">
          <cell r="B1191">
            <v>1188</v>
          </cell>
          <cell r="H1191">
            <v>0</v>
          </cell>
        </row>
        <row r="1192">
          <cell r="B1192">
            <v>1189</v>
          </cell>
          <cell r="H1192">
            <v>0</v>
          </cell>
        </row>
        <row r="1193">
          <cell r="B1193">
            <v>1190</v>
          </cell>
          <cell r="H1193">
            <v>0</v>
          </cell>
        </row>
        <row r="1194">
          <cell r="B1194">
            <v>1191</v>
          </cell>
          <cell r="H1194">
            <v>0</v>
          </cell>
        </row>
        <row r="1195">
          <cell r="B1195">
            <v>1192</v>
          </cell>
          <cell r="H1195">
            <v>0</v>
          </cell>
        </row>
        <row r="1196">
          <cell r="B1196">
            <v>1193</v>
          </cell>
          <cell r="H1196">
            <v>0</v>
          </cell>
        </row>
        <row r="1197">
          <cell r="B1197">
            <v>1194</v>
          </cell>
          <cell r="H1197">
            <v>0</v>
          </cell>
        </row>
        <row r="1198">
          <cell r="B1198">
            <v>1195</v>
          </cell>
          <cell r="H1198">
            <v>0</v>
          </cell>
        </row>
        <row r="1199">
          <cell r="B1199">
            <v>1196</v>
          </cell>
          <cell r="H1199">
            <v>0</v>
          </cell>
        </row>
        <row r="1200">
          <cell r="B1200">
            <v>1197</v>
          </cell>
          <cell r="H1200">
            <v>0</v>
          </cell>
        </row>
        <row r="1201">
          <cell r="B1201">
            <v>1198</v>
          </cell>
          <cell r="H1201">
            <v>0</v>
          </cell>
        </row>
        <row r="1202">
          <cell r="B1202">
            <v>1199</v>
          </cell>
          <cell r="H1202">
            <v>0</v>
          </cell>
        </row>
        <row r="1203">
          <cell r="B1203">
            <v>1200</v>
          </cell>
          <cell r="H1203">
            <v>0</v>
          </cell>
        </row>
        <row r="1204">
          <cell r="B1204">
            <v>1201</v>
          </cell>
          <cell r="H1204">
            <v>0</v>
          </cell>
        </row>
        <row r="1205">
          <cell r="B1205">
            <v>1202</v>
          </cell>
          <cell r="H1205">
            <v>0</v>
          </cell>
        </row>
        <row r="1206">
          <cell r="B1206">
            <v>1203</v>
          </cell>
          <cell r="H1206">
            <v>0</v>
          </cell>
        </row>
        <row r="1207">
          <cell r="B1207">
            <v>1204</v>
          </cell>
          <cell r="H1207">
            <v>0</v>
          </cell>
        </row>
        <row r="1208">
          <cell r="B1208">
            <v>1205</v>
          </cell>
          <cell r="H1208">
            <v>0</v>
          </cell>
        </row>
        <row r="1209">
          <cell r="B1209">
            <v>1206</v>
          </cell>
          <cell r="H1209">
            <v>0</v>
          </cell>
        </row>
        <row r="1210">
          <cell r="B1210">
            <v>1207</v>
          </cell>
          <cell r="H1210">
            <v>0</v>
          </cell>
        </row>
        <row r="1211">
          <cell r="B1211">
            <v>1208</v>
          </cell>
          <cell r="H1211">
            <v>0</v>
          </cell>
        </row>
        <row r="1212">
          <cell r="B1212">
            <v>1209</v>
          </cell>
          <cell r="H1212">
            <v>0</v>
          </cell>
        </row>
        <row r="1213">
          <cell r="B1213">
            <v>1210</v>
          </cell>
          <cell r="H1213">
            <v>0</v>
          </cell>
        </row>
        <row r="1214">
          <cell r="B1214">
            <v>1211</v>
          </cell>
          <cell r="H1214">
            <v>0</v>
          </cell>
        </row>
        <row r="1215">
          <cell r="B1215">
            <v>1212</v>
          </cell>
          <cell r="H1215">
            <v>0</v>
          </cell>
        </row>
        <row r="1216">
          <cell r="B1216">
            <v>1213</v>
          </cell>
          <cell r="H1216">
            <v>0</v>
          </cell>
        </row>
        <row r="1217">
          <cell r="B1217">
            <v>1214</v>
          </cell>
          <cell r="H1217">
            <v>0</v>
          </cell>
        </row>
        <row r="1218">
          <cell r="B1218">
            <v>1215</v>
          </cell>
          <cell r="H1218">
            <v>0</v>
          </cell>
        </row>
        <row r="1219">
          <cell r="B1219">
            <v>1216</v>
          </cell>
          <cell r="H1219">
            <v>0</v>
          </cell>
        </row>
        <row r="1220">
          <cell r="B1220">
            <v>1217</v>
          </cell>
          <cell r="H1220">
            <v>0</v>
          </cell>
        </row>
        <row r="1221">
          <cell r="B1221">
            <v>1218</v>
          </cell>
          <cell r="H1221">
            <v>0</v>
          </cell>
        </row>
        <row r="1222">
          <cell r="B1222">
            <v>1219</v>
          </cell>
          <cell r="H1222">
            <v>0</v>
          </cell>
        </row>
        <row r="1223">
          <cell r="B1223">
            <v>1220</v>
          </cell>
          <cell r="H1223">
            <v>0</v>
          </cell>
        </row>
        <row r="1224">
          <cell r="B1224">
            <v>1221</v>
          </cell>
          <cell r="H1224">
            <v>0</v>
          </cell>
        </row>
        <row r="1225">
          <cell r="B1225">
            <v>1222</v>
          </cell>
          <cell r="H1225">
            <v>0</v>
          </cell>
        </row>
        <row r="1226">
          <cell r="B1226">
            <v>1223</v>
          </cell>
          <cell r="H1226">
            <v>0</v>
          </cell>
        </row>
        <row r="1227">
          <cell r="B1227">
            <v>1224</v>
          </cell>
          <cell r="H1227">
            <v>0</v>
          </cell>
        </row>
        <row r="1228">
          <cell r="B1228">
            <v>1225</v>
          </cell>
          <cell r="H1228">
            <v>0</v>
          </cell>
        </row>
        <row r="1229">
          <cell r="B1229">
            <v>1226</v>
          </cell>
          <cell r="H1229">
            <v>0</v>
          </cell>
        </row>
        <row r="1230">
          <cell r="B1230">
            <v>1227</v>
          </cell>
          <cell r="H1230">
            <v>0</v>
          </cell>
        </row>
        <row r="1231">
          <cell r="B1231">
            <v>1228</v>
          </cell>
          <cell r="H1231">
            <v>0</v>
          </cell>
        </row>
        <row r="1232">
          <cell r="B1232">
            <v>1229</v>
          </cell>
          <cell r="H1232">
            <v>0</v>
          </cell>
        </row>
        <row r="1233">
          <cell r="B1233">
            <v>1230</v>
          </cell>
          <cell r="H1233">
            <v>0</v>
          </cell>
        </row>
        <row r="1234">
          <cell r="B1234">
            <v>1231</v>
          </cell>
          <cell r="H1234">
            <v>0</v>
          </cell>
        </row>
        <row r="1235">
          <cell r="B1235">
            <v>1232</v>
          </cell>
          <cell r="H1235">
            <v>0</v>
          </cell>
        </row>
        <row r="1236">
          <cell r="B1236">
            <v>1233</v>
          </cell>
          <cell r="H1236">
            <v>0</v>
          </cell>
        </row>
        <row r="1237">
          <cell r="B1237">
            <v>1234</v>
          </cell>
        </row>
        <row r="1238">
          <cell r="B1238">
            <v>1235</v>
          </cell>
        </row>
        <row r="1239">
          <cell r="B1239">
            <v>1236</v>
          </cell>
        </row>
        <row r="1240">
          <cell r="B1240">
            <v>1237</v>
          </cell>
        </row>
        <row r="1241">
          <cell r="B1241">
            <v>1238</v>
          </cell>
        </row>
        <row r="1242">
          <cell r="B1242">
            <v>1239</v>
          </cell>
        </row>
        <row r="1243">
          <cell r="B1243">
            <v>1240</v>
          </cell>
        </row>
        <row r="1244">
          <cell r="B1244">
            <v>1241</v>
          </cell>
        </row>
        <row r="1245">
          <cell r="B1245">
            <v>1242</v>
          </cell>
        </row>
        <row r="1246">
          <cell r="B1246">
            <v>1243</v>
          </cell>
        </row>
        <row r="1247">
          <cell r="B1247">
            <v>1244</v>
          </cell>
        </row>
        <row r="1248">
          <cell r="B1248">
            <v>1245</v>
          </cell>
        </row>
        <row r="1249">
          <cell r="B1249">
            <v>1246</v>
          </cell>
        </row>
        <row r="1250">
          <cell r="B1250">
            <v>1247</v>
          </cell>
        </row>
        <row r="1251">
          <cell r="B1251">
            <v>1248</v>
          </cell>
        </row>
        <row r="1252">
          <cell r="B1252">
            <v>1249</v>
          </cell>
        </row>
        <row r="1253">
          <cell r="B1253">
            <v>1250</v>
          </cell>
        </row>
        <row r="1254">
          <cell r="B1254">
            <v>1251</v>
          </cell>
        </row>
        <row r="1255">
          <cell r="B1255">
            <v>1252</v>
          </cell>
        </row>
        <row r="1256">
          <cell r="B1256">
            <v>1253</v>
          </cell>
        </row>
        <row r="1257">
          <cell r="B1257">
            <v>1254</v>
          </cell>
        </row>
        <row r="1258">
          <cell r="B1258">
            <v>1255</v>
          </cell>
        </row>
        <row r="1259">
          <cell r="B1259">
            <v>1256</v>
          </cell>
        </row>
        <row r="1260">
          <cell r="B1260">
            <v>1257</v>
          </cell>
        </row>
        <row r="1261">
          <cell r="B1261">
            <v>1258</v>
          </cell>
        </row>
        <row r="1262">
          <cell r="B1262">
            <v>1259</v>
          </cell>
        </row>
        <row r="1263">
          <cell r="B1263">
            <v>1260</v>
          </cell>
        </row>
        <row r="1264">
          <cell r="B1264">
            <v>1261</v>
          </cell>
        </row>
        <row r="1265">
          <cell r="B1265">
            <v>1262</v>
          </cell>
        </row>
        <row r="1266">
          <cell r="B1266">
            <v>1263</v>
          </cell>
        </row>
        <row r="1267">
          <cell r="B1267">
            <v>1264</v>
          </cell>
        </row>
        <row r="1268">
          <cell r="B1268">
            <v>1265</v>
          </cell>
        </row>
        <row r="1269">
          <cell r="B1269">
            <v>1266</v>
          </cell>
        </row>
        <row r="1270">
          <cell r="B1270">
            <v>1267</v>
          </cell>
        </row>
        <row r="1271">
          <cell r="B1271">
            <v>1268</v>
          </cell>
        </row>
        <row r="1272">
          <cell r="B1272">
            <v>1269</v>
          </cell>
        </row>
        <row r="1273">
          <cell r="B1273">
            <v>1270</v>
          </cell>
        </row>
        <row r="1274">
          <cell r="B1274">
            <v>1271</v>
          </cell>
        </row>
        <row r="1275">
          <cell r="B1275">
            <v>1272</v>
          </cell>
        </row>
        <row r="1276">
          <cell r="B1276">
            <v>1273</v>
          </cell>
        </row>
        <row r="1277">
          <cell r="B1277">
            <v>1274</v>
          </cell>
        </row>
        <row r="1278">
          <cell r="B1278">
            <v>1275</v>
          </cell>
        </row>
        <row r="1279">
          <cell r="B1279">
            <v>1276</v>
          </cell>
        </row>
        <row r="1280">
          <cell r="B1280">
            <v>1277</v>
          </cell>
        </row>
        <row r="1281">
          <cell r="B1281">
            <v>1278</v>
          </cell>
        </row>
        <row r="1282">
          <cell r="B1282">
            <v>1279</v>
          </cell>
        </row>
        <row r="1283">
          <cell r="B1283">
            <v>1280</v>
          </cell>
        </row>
        <row r="1284">
          <cell r="B1284">
            <v>1281</v>
          </cell>
        </row>
        <row r="1285">
          <cell r="B1285">
            <v>1282</v>
          </cell>
        </row>
        <row r="1286">
          <cell r="B1286">
            <v>1283</v>
          </cell>
        </row>
        <row r="1287">
          <cell r="B1287">
            <v>1284</v>
          </cell>
        </row>
        <row r="1288">
          <cell r="B1288">
            <v>1285</v>
          </cell>
        </row>
        <row r="1289">
          <cell r="B1289">
            <v>1286</v>
          </cell>
        </row>
        <row r="1290">
          <cell r="B1290">
            <v>1287</v>
          </cell>
        </row>
        <row r="1291">
          <cell r="B1291">
            <v>1288</v>
          </cell>
        </row>
        <row r="1292">
          <cell r="B1292">
            <v>1289</v>
          </cell>
        </row>
        <row r="1293">
          <cell r="B1293">
            <v>1290</v>
          </cell>
        </row>
        <row r="1294">
          <cell r="B1294">
            <v>1291</v>
          </cell>
        </row>
        <row r="1295">
          <cell r="B1295">
            <v>1292</v>
          </cell>
        </row>
        <row r="1296">
          <cell r="B1296">
            <v>1293</v>
          </cell>
        </row>
        <row r="1297">
          <cell r="B1297">
            <v>1294</v>
          </cell>
        </row>
        <row r="1298">
          <cell r="B1298">
            <v>1295</v>
          </cell>
        </row>
        <row r="1299">
          <cell r="B1299">
            <v>1296</v>
          </cell>
        </row>
        <row r="1300">
          <cell r="B1300">
            <v>1297</v>
          </cell>
        </row>
        <row r="1301">
          <cell r="B1301">
            <v>1298</v>
          </cell>
        </row>
        <row r="1302">
          <cell r="B1302">
            <v>1299</v>
          </cell>
        </row>
        <row r="1303">
          <cell r="B1303">
            <v>1300</v>
          </cell>
        </row>
        <row r="1304">
          <cell r="B1304">
            <v>1301</v>
          </cell>
        </row>
        <row r="1305">
          <cell r="B1305">
            <v>1302</v>
          </cell>
        </row>
        <row r="1306">
          <cell r="B1306">
            <v>1303</v>
          </cell>
        </row>
        <row r="1307">
          <cell r="B1307">
            <v>1304</v>
          </cell>
        </row>
        <row r="1308">
          <cell r="B1308">
            <v>1305</v>
          </cell>
        </row>
        <row r="1309">
          <cell r="B1309">
            <v>1306</v>
          </cell>
        </row>
        <row r="1310">
          <cell r="B1310">
            <v>1307</v>
          </cell>
        </row>
        <row r="1311">
          <cell r="B1311">
            <v>1308</v>
          </cell>
        </row>
        <row r="1312">
          <cell r="B1312">
            <v>1309</v>
          </cell>
        </row>
        <row r="1313">
          <cell r="B1313">
            <v>1310</v>
          </cell>
        </row>
        <row r="1314">
          <cell r="B1314">
            <v>1311</v>
          </cell>
        </row>
        <row r="1315">
          <cell r="B1315">
            <v>1312</v>
          </cell>
        </row>
        <row r="1316">
          <cell r="B1316">
            <v>1313</v>
          </cell>
        </row>
        <row r="1317">
          <cell r="B1317">
            <v>1314</v>
          </cell>
        </row>
        <row r="1318">
          <cell r="B1318">
            <v>1315</v>
          </cell>
        </row>
        <row r="1319">
          <cell r="B1319">
            <v>1316</v>
          </cell>
        </row>
        <row r="1320">
          <cell r="B1320">
            <v>1317</v>
          </cell>
        </row>
        <row r="1321">
          <cell r="B1321">
            <v>1318</v>
          </cell>
        </row>
        <row r="1322">
          <cell r="B1322">
            <v>1319</v>
          </cell>
        </row>
        <row r="1323">
          <cell r="B1323">
            <v>1320</v>
          </cell>
        </row>
        <row r="1324">
          <cell r="B1324">
            <v>1321</v>
          </cell>
        </row>
        <row r="1325">
          <cell r="B1325">
            <v>1322</v>
          </cell>
        </row>
        <row r="1326">
          <cell r="B1326">
            <v>1323</v>
          </cell>
        </row>
        <row r="1327">
          <cell r="B1327">
            <v>1324</v>
          </cell>
        </row>
        <row r="1328">
          <cell r="B1328">
            <v>1325</v>
          </cell>
        </row>
        <row r="1329">
          <cell r="B1329">
            <v>1326</v>
          </cell>
        </row>
        <row r="1330">
          <cell r="B1330">
            <v>1327</v>
          </cell>
        </row>
        <row r="1331">
          <cell r="B1331">
            <v>1328</v>
          </cell>
        </row>
        <row r="1332">
          <cell r="B1332">
            <v>1329</v>
          </cell>
        </row>
        <row r="1333">
          <cell r="B1333">
            <v>1330</v>
          </cell>
        </row>
        <row r="1334">
          <cell r="B1334">
            <v>1331</v>
          </cell>
        </row>
        <row r="1335">
          <cell r="B1335">
            <v>1332</v>
          </cell>
        </row>
        <row r="1336">
          <cell r="B1336">
            <v>1333</v>
          </cell>
        </row>
        <row r="1337">
          <cell r="B1337">
            <v>1334</v>
          </cell>
        </row>
        <row r="1338">
          <cell r="B1338">
            <v>1335</v>
          </cell>
        </row>
        <row r="1339">
          <cell r="B1339">
            <v>1336</v>
          </cell>
        </row>
        <row r="1340">
          <cell r="B1340">
            <v>1337</v>
          </cell>
        </row>
        <row r="1341">
          <cell r="B1341">
            <v>1338</v>
          </cell>
        </row>
        <row r="1342">
          <cell r="B1342">
            <v>1339</v>
          </cell>
        </row>
        <row r="1343">
          <cell r="B1343">
            <v>1340</v>
          </cell>
        </row>
        <row r="1344">
          <cell r="B1344">
            <v>1341</v>
          </cell>
        </row>
        <row r="1345">
          <cell r="B1345">
            <v>1342</v>
          </cell>
        </row>
        <row r="1346">
          <cell r="B1346">
            <v>1343</v>
          </cell>
        </row>
        <row r="1347">
          <cell r="B1347">
            <v>1344</v>
          </cell>
        </row>
        <row r="1348">
          <cell r="B1348">
            <v>1345</v>
          </cell>
        </row>
        <row r="1349">
          <cell r="B1349">
            <v>1346</v>
          </cell>
        </row>
        <row r="1350">
          <cell r="B1350">
            <v>1347</v>
          </cell>
        </row>
        <row r="1351">
          <cell r="B1351">
            <v>1348</v>
          </cell>
        </row>
        <row r="1352">
          <cell r="B1352">
            <v>1349</v>
          </cell>
        </row>
        <row r="1353">
          <cell r="B1353">
            <v>1350</v>
          </cell>
        </row>
        <row r="1354">
          <cell r="B1354">
            <v>1351</v>
          </cell>
        </row>
        <row r="1355">
          <cell r="B1355">
            <v>1352</v>
          </cell>
        </row>
        <row r="1356">
          <cell r="B1356">
            <v>1353</v>
          </cell>
        </row>
        <row r="1357">
          <cell r="B1357">
            <v>1354</v>
          </cell>
        </row>
        <row r="1358">
          <cell r="B1358">
            <v>1355</v>
          </cell>
        </row>
        <row r="1359">
          <cell r="B1359">
            <v>1356</v>
          </cell>
        </row>
        <row r="1360">
          <cell r="B1360">
            <v>1357</v>
          </cell>
        </row>
        <row r="1361">
          <cell r="B1361">
            <v>1358</v>
          </cell>
        </row>
        <row r="1362">
          <cell r="B1362">
            <v>1359</v>
          </cell>
        </row>
        <row r="1363">
          <cell r="B1363">
            <v>1360</v>
          </cell>
        </row>
        <row r="1364">
          <cell r="B1364">
            <v>1361</v>
          </cell>
        </row>
        <row r="1365">
          <cell r="B1365">
            <v>1362</v>
          </cell>
        </row>
        <row r="1366">
          <cell r="B1366">
            <v>1363</v>
          </cell>
        </row>
        <row r="1367">
          <cell r="B1367">
            <v>1364</v>
          </cell>
        </row>
        <row r="1368">
          <cell r="B1368">
            <v>1365</v>
          </cell>
        </row>
        <row r="1369">
          <cell r="B1369">
            <v>1366</v>
          </cell>
        </row>
        <row r="1370">
          <cell r="B1370">
            <v>1367</v>
          </cell>
        </row>
        <row r="1371">
          <cell r="B1371">
            <v>1368</v>
          </cell>
        </row>
        <row r="1372">
          <cell r="B1372">
            <v>1369</v>
          </cell>
        </row>
        <row r="1373">
          <cell r="B1373">
            <v>1370</v>
          </cell>
        </row>
        <row r="1374">
          <cell r="B1374">
            <v>1371</v>
          </cell>
        </row>
        <row r="1375">
          <cell r="B1375">
            <v>1372</v>
          </cell>
        </row>
        <row r="1376">
          <cell r="B1376">
            <v>1373</v>
          </cell>
        </row>
        <row r="1377">
          <cell r="B1377">
            <v>1374</v>
          </cell>
        </row>
        <row r="1378">
          <cell r="B1378">
            <v>1375</v>
          </cell>
        </row>
        <row r="1379">
          <cell r="B1379">
            <v>1376</v>
          </cell>
        </row>
        <row r="1380">
          <cell r="B1380">
            <v>1377</v>
          </cell>
        </row>
        <row r="1381">
          <cell r="B1381">
            <v>1378</v>
          </cell>
        </row>
        <row r="1382">
          <cell r="B1382">
            <v>1379</v>
          </cell>
        </row>
        <row r="1383">
          <cell r="B1383">
            <v>1380</v>
          </cell>
        </row>
        <row r="1384">
          <cell r="B1384">
            <v>1381</v>
          </cell>
        </row>
        <row r="1385">
          <cell r="B1385">
            <v>1382</v>
          </cell>
        </row>
        <row r="1386">
          <cell r="B1386">
            <v>1383</v>
          </cell>
        </row>
        <row r="1387">
          <cell r="B1387">
            <v>1384</v>
          </cell>
        </row>
        <row r="1388">
          <cell r="B1388">
            <v>1385</v>
          </cell>
        </row>
        <row r="1389">
          <cell r="B1389">
            <v>1386</v>
          </cell>
        </row>
        <row r="1390">
          <cell r="B1390">
            <v>1387</v>
          </cell>
        </row>
        <row r="1391">
          <cell r="B1391">
            <v>1388</v>
          </cell>
        </row>
        <row r="1392">
          <cell r="B1392">
            <v>1389</v>
          </cell>
        </row>
        <row r="1393">
          <cell r="B1393">
            <v>1390</v>
          </cell>
        </row>
        <row r="1394">
          <cell r="B1394">
            <v>1391</v>
          </cell>
        </row>
        <row r="1395">
          <cell r="B1395">
            <v>1392</v>
          </cell>
        </row>
        <row r="1396">
          <cell r="B1396">
            <v>1393</v>
          </cell>
        </row>
        <row r="1397">
          <cell r="B1397">
            <v>1394</v>
          </cell>
        </row>
        <row r="1398">
          <cell r="B1398">
            <v>1395</v>
          </cell>
        </row>
        <row r="1399">
          <cell r="B1399">
            <v>1396</v>
          </cell>
        </row>
        <row r="1400">
          <cell r="B1400">
            <v>1397</v>
          </cell>
        </row>
        <row r="1401">
          <cell r="B1401">
            <v>1398</v>
          </cell>
        </row>
        <row r="1402">
          <cell r="B1402">
            <v>1399</v>
          </cell>
        </row>
        <row r="1403">
          <cell r="B1403">
            <v>1400</v>
          </cell>
        </row>
      </sheetData>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Ⅶ電気"/>
      <sheetName val="Ⅶ-1幹線"/>
      <sheetName val="Ⅶ-2電灯"/>
      <sheetName val="移動した"/>
    </sheetNames>
    <sheetDataSet>
      <sheetData sheetId="0">
        <row r="1">
          <cell r="B1" t="str">
            <v>　</v>
          </cell>
        </row>
      </sheetData>
      <sheetData sheetId="1"/>
      <sheetData sheetId="2"/>
      <sheetData sheetId="3"/>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湯ノ谷代価"/>
      <sheetName val="鏡"/>
      <sheetName val="1号内訳書"/>
      <sheetName val="←→"/>
      <sheetName val="1-1号設計書"/>
    </sheetNames>
    <definedNames>
      <definedName name="湯ノ谷印刷"/>
    </definedNames>
    <sheetDataSet>
      <sheetData sheetId="0" refreshError="1"/>
      <sheetData sheetId="1"/>
      <sheetData sheetId="2"/>
      <sheetData sheetId="3"/>
      <sheetData sheetId="4"/>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s>
    <sheetDataSet>
      <sheetData sheetId="0"/>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内訳"/>
      <sheetName val="電気代価"/>
      <sheetName val="電気撤去"/>
      <sheetName val="管複単"/>
      <sheetName val="管撤去"/>
      <sheetName val="建築比較"/>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械損料能美市参考"/>
      <sheetName val="鏡"/>
      <sheetName val="代価 1～"/>
      <sheetName val="代価 46～"/>
      <sheetName val="代価 77～"/>
      <sheetName val="代価98～"/>
      <sheetName val="代価122～"/>
      <sheetName val="→印刷しない"/>
      <sheetName val="単価一覧"/>
      <sheetName val="物価資料価格表(変更後)"/>
      <sheetName val="物価資料価格表 (数計変更前)"/>
      <sheetName val="不要代価( ﾊﾞｯｸｱｯﾌﾟ)20080417"/>
      <sheetName val="鋳鉄管切断機損料 (H19)ｴﾝｼﾞﾝｶｯﾀ"/>
      <sheetName val="鋳鉄管切断機損料 (H19)ﾊﾟｲﾌﾟ切断同時"/>
      <sheetName val="鋳鉄管切断機損料 (H19)ﾊﾟｲﾌﾟ切断"/>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B2" t="str">
            <v>物　価　資　料　単　価　表</v>
          </cell>
          <cell r="G2" t="str">
            <v>全国</v>
          </cell>
          <cell r="I2" t="str">
            <v>H20年4月号</v>
          </cell>
          <cell r="J2" t="str">
            <v>建設物価</v>
          </cell>
          <cell r="K2" t="str">
            <v>積算資料</v>
          </cell>
        </row>
        <row r="3">
          <cell r="B3" t="str">
            <v>資材・材料</v>
          </cell>
          <cell r="C3" t="str">
            <v>規格・形状</v>
          </cell>
          <cell r="D3" t="str">
            <v>単位</v>
          </cell>
          <cell r="E3" t="str">
            <v>建設物価</v>
          </cell>
          <cell r="F3" t="str">
            <v>頁</v>
          </cell>
          <cell r="G3" t="str">
            <v>積算資料</v>
          </cell>
          <cell r="H3" t="str">
            <v>頁</v>
          </cell>
          <cell r="I3" t="str">
            <v>平均</v>
          </cell>
          <cell r="J3" t="str">
            <v>円／ｋｇ</v>
          </cell>
          <cell r="K3" t="str">
            <v>円／ｋｇ</v>
          </cell>
          <cell r="L3" t="str">
            <v>質量(kg)</v>
          </cell>
        </row>
        <row r="4">
          <cell r="A4">
            <v>1306.5</v>
          </cell>
          <cell r="B4">
            <v>0</v>
          </cell>
          <cell r="C4">
            <v>0</v>
          </cell>
        </row>
        <row r="5">
          <cell r="A5">
            <v>1307</v>
          </cell>
          <cell r="B5">
            <v>0</v>
          </cell>
          <cell r="C5">
            <v>0</v>
          </cell>
          <cell r="D5">
            <v>0</v>
          </cell>
          <cell r="E5">
            <v>58400</v>
          </cell>
          <cell r="F5">
            <v>239</v>
          </cell>
          <cell r="G5">
            <v>59300</v>
          </cell>
          <cell r="H5">
            <v>238</v>
          </cell>
          <cell r="I5">
            <v>58850</v>
          </cell>
        </row>
        <row r="6">
          <cell r="A6">
            <v>1307.5</v>
          </cell>
          <cell r="B6">
            <v>0</v>
          </cell>
          <cell r="C6">
            <v>0</v>
          </cell>
        </row>
        <row r="7">
          <cell r="A7">
            <v>1308</v>
          </cell>
          <cell r="B7">
            <v>0</v>
          </cell>
          <cell r="C7">
            <v>0</v>
          </cell>
          <cell r="D7">
            <v>0</v>
          </cell>
          <cell r="E7">
            <v>46800</v>
          </cell>
          <cell r="F7">
            <v>240</v>
          </cell>
          <cell r="G7">
            <v>47800</v>
          </cell>
          <cell r="H7">
            <v>238</v>
          </cell>
          <cell r="I7">
            <v>47300</v>
          </cell>
        </row>
        <row r="8">
          <cell r="A8">
            <v>1308.5</v>
          </cell>
          <cell r="B8">
            <v>0</v>
          </cell>
          <cell r="C8">
            <v>0</v>
          </cell>
        </row>
        <row r="9">
          <cell r="A9">
            <v>1309</v>
          </cell>
          <cell r="B9">
            <v>0</v>
          </cell>
          <cell r="C9">
            <v>0</v>
          </cell>
          <cell r="D9">
            <v>0</v>
          </cell>
          <cell r="E9">
            <v>14700</v>
          </cell>
          <cell r="F9">
            <v>240</v>
          </cell>
          <cell r="G9">
            <v>15600</v>
          </cell>
          <cell r="H9">
            <v>238</v>
          </cell>
          <cell r="I9">
            <v>15150</v>
          </cell>
        </row>
        <row r="10">
          <cell r="A10">
            <v>1309.5</v>
          </cell>
          <cell r="B10">
            <v>0</v>
          </cell>
          <cell r="C10">
            <v>0</v>
          </cell>
          <cell r="E10" t="str">
            <v>520×318.0kg</v>
          </cell>
          <cell r="G10" t="str">
            <v>577×318.0kg</v>
          </cell>
        </row>
        <row r="11">
          <cell r="A11">
            <v>1310</v>
          </cell>
          <cell r="B11">
            <v>0</v>
          </cell>
          <cell r="C11">
            <v>0</v>
          </cell>
          <cell r="D11">
            <v>0</v>
          </cell>
          <cell r="E11">
            <v>165360</v>
          </cell>
          <cell r="F11">
            <v>240</v>
          </cell>
          <cell r="G11">
            <v>183486</v>
          </cell>
          <cell r="H11">
            <v>240</v>
          </cell>
          <cell r="I11">
            <v>174423</v>
          </cell>
          <cell r="J11">
            <v>520</v>
          </cell>
          <cell r="K11">
            <v>577</v>
          </cell>
          <cell r="L11">
            <v>318</v>
          </cell>
        </row>
        <row r="12">
          <cell r="A12">
            <v>1311.5</v>
          </cell>
          <cell r="B12">
            <v>0</v>
          </cell>
          <cell r="C12">
            <v>0</v>
          </cell>
          <cell r="E12" t="str">
            <v>470×103.0kg</v>
          </cell>
          <cell r="G12" t="str">
            <v>525×103.0kg</v>
          </cell>
        </row>
        <row r="13">
          <cell r="A13">
            <v>1312</v>
          </cell>
          <cell r="B13">
            <v>0</v>
          </cell>
          <cell r="C13">
            <v>0</v>
          </cell>
          <cell r="D13">
            <v>0</v>
          </cell>
          <cell r="E13">
            <v>48410</v>
          </cell>
          <cell r="F13">
            <v>240</v>
          </cell>
          <cell r="G13">
            <v>54075</v>
          </cell>
          <cell r="H13">
            <v>240</v>
          </cell>
          <cell r="I13">
            <v>51242</v>
          </cell>
          <cell r="J13">
            <v>470</v>
          </cell>
          <cell r="K13">
            <v>525</v>
          </cell>
          <cell r="L13">
            <v>103</v>
          </cell>
        </row>
        <row r="14">
          <cell r="A14">
            <v>1312.5</v>
          </cell>
          <cell r="B14">
            <v>0</v>
          </cell>
          <cell r="C14">
            <v>0</v>
          </cell>
          <cell r="E14" t="str">
            <v>470×75.8kg</v>
          </cell>
          <cell r="G14" t="str">
            <v>525×75.8kg</v>
          </cell>
        </row>
        <row r="15">
          <cell r="A15">
            <v>1313</v>
          </cell>
          <cell r="B15">
            <v>0</v>
          </cell>
          <cell r="C15">
            <v>0</v>
          </cell>
          <cell r="D15">
            <v>0</v>
          </cell>
          <cell r="E15">
            <v>35626</v>
          </cell>
          <cell r="F15">
            <v>240</v>
          </cell>
          <cell r="G15">
            <v>39795</v>
          </cell>
          <cell r="H15">
            <v>240</v>
          </cell>
          <cell r="I15">
            <v>37710</v>
          </cell>
          <cell r="J15">
            <v>470</v>
          </cell>
          <cell r="K15">
            <v>525</v>
          </cell>
          <cell r="L15">
            <v>75.8</v>
          </cell>
        </row>
        <row r="16">
          <cell r="A16">
            <v>1316.5</v>
          </cell>
          <cell r="B16">
            <v>0</v>
          </cell>
          <cell r="C16">
            <v>0</v>
          </cell>
          <cell r="E16" t="str">
            <v>500×146.0kg</v>
          </cell>
          <cell r="G16" t="str">
            <v>547×146.0kg</v>
          </cell>
        </row>
        <row r="17">
          <cell r="A17">
            <v>1317</v>
          </cell>
          <cell r="B17">
            <v>0</v>
          </cell>
          <cell r="C17">
            <v>0</v>
          </cell>
          <cell r="D17">
            <v>0</v>
          </cell>
          <cell r="E17">
            <v>73000</v>
          </cell>
          <cell r="F17">
            <v>240</v>
          </cell>
          <cell r="G17">
            <v>79862</v>
          </cell>
          <cell r="H17">
            <v>240</v>
          </cell>
          <cell r="I17">
            <v>76431</v>
          </cell>
          <cell r="J17">
            <v>500</v>
          </cell>
          <cell r="K17">
            <v>547</v>
          </cell>
          <cell r="L17">
            <v>146</v>
          </cell>
        </row>
        <row r="18">
          <cell r="A18">
            <v>1317.5</v>
          </cell>
          <cell r="B18">
            <v>0</v>
          </cell>
          <cell r="C18">
            <v>0</v>
          </cell>
          <cell r="E18" t="str">
            <v>500×131.0kg</v>
          </cell>
          <cell r="G18" t="str">
            <v>547×131.0kg</v>
          </cell>
        </row>
        <row r="19">
          <cell r="A19">
            <v>1318</v>
          </cell>
          <cell r="B19">
            <v>0</v>
          </cell>
          <cell r="C19">
            <v>0</v>
          </cell>
          <cell r="D19">
            <v>0</v>
          </cell>
          <cell r="E19">
            <v>65500</v>
          </cell>
          <cell r="F19">
            <v>240</v>
          </cell>
          <cell r="G19">
            <v>71657</v>
          </cell>
          <cell r="H19">
            <v>240</v>
          </cell>
          <cell r="I19">
            <v>68578</v>
          </cell>
          <cell r="J19">
            <v>500</v>
          </cell>
          <cell r="K19">
            <v>547</v>
          </cell>
          <cell r="L19">
            <v>131</v>
          </cell>
        </row>
        <row r="20">
          <cell r="A20">
            <v>1320.5</v>
          </cell>
          <cell r="B20">
            <v>0</v>
          </cell>
          <cell r="C20">
            <v>0</v>
          </cell>
          <cell r="E20" t="str">
            <v>520×107.0kg</v>
          </cell>
          <cell r="G20" t="str">
            <v>577×107.0kg</v>
          </cell>
        </row>
        <row r="21">
          <cell r="A21">
            <v>1321</v>
          </cell>
          <cell r="B21">
            <v>0</v>
          </cell>
          <cell r="C21">
            <v>0</v>
          </cell>
          <cell r="D21">
            <v>0</v>
          </cell>
          <cell r="E21">
            <v>55640</v>
          </cell>
          <cell r="F21">
            <v>240</v>
          </cell>
          <cell r="G21">
            <v>61739</v>
          </cell>
          <cell r="H21">
            <v>240</v>
          </cell>
          <cell r="I21">
            <v>58689</v>
          </cell>
          <cell r="J21">
            <v>520</v>
          </cell>
          <cell r="K21">
            <v>577</v>
          </cell>
          <cell r="L21">
            <v>107</v>
          </cell>
        </row>
        <row r="22">
          <cell r="A22">
            <v>1322.5</v>
          </cell>
          <cell r="B22">
            <v>0</v>
          </cell>
          <cell r="C22">
            <v>0</v>
          </cell>
          <cell r="E22" t="str">
            <v>470×14.2kg</v>
          </cell>
          <cell r="G22" t="str">
            <v>525×14.2kg</v>
          </cell>
        </row>
        <row r="23">
          <cell r="A23">
            <v>1323</v>
          </cell>
          <cell r="B23">
            <v>0</v>
          </cell>
          <cell r="C23">
            <v>0</v>
          </cell>
          <cell r="D23">
            <v>0</v>
          </cell>
          <cell r="E23">
            <v>6674</v>
          </cell>
          <cell r="F23">
            <v>240</v>
          </cell>
          <cell r="G23">
            <v>7455</v>
          </cell>
          <cell r="H23">
            <v>240</v>
          </cell>
          <cell r="I23">
            <v>7064</v>
          </cell>
          <cell r="J23">
            <v>470</v>
          </cell>
          <cell r="K23">
            <v>525</v>
          </cell>
          <cell r="L23">
            <v>14.2</v>
          </cell>
        </row>
        <row r="24">
          <cell r="A24">
            <v>1323.5</v>
          </cell>
          <cell r="B24">
            <v>0</v>
          </cell>
          <cell r="C24">
            <v>0</v>
          </cell>
          <cell r="E24" t="str">
            <v>500×81.2kg</v>
          </cell>
          <cell r="G24" t="str">
            <v>547×81.2kg</v>
          </cell>
        </row>
        <row r="25">
          <cell r="A25">
            <v>1324</v>
          </cell>
          <cell r="B25">
            <v>0</v>
          </cell>
          <cell r="C25">
            <v>0</v>
          </cell>
          <cell r="D25">
            <v>0</v>
          </cell>
          <cell r="E25">
            <v>40600</v>
          </cell>
          <cell r="F25">
            <v>240</v>
          </cell>
          <cell r="G25">
            <v>44416</v>
          </cell>
          <cell r="H25">
            <v>240</v>
          </cell>
          <cell r="I25">
            <v>42508</v>
          </cell>
          <cell r="J25">
            <v>500</v>
          </cell>
          <cell r="K25">
            <v>547</v>
          </cell>
          <cell r="L25">
            <v>81.2</v>
          </cell>
        </row>
        <row r="26">
          <cell r="A26">
            <v>1325.5</v>
          </cell>
          <cell r="B26">
            <v>0</v>
          </cell>
          <cell r="C26">
            <v>0</v>
          </cell>
          <cell r="E26" t="str">
            <v>500×32.7kg</v>
          </cell>
          <cell r="G26" t="str">
            <v>547×32.7kg</v>
          </cell>
        </row>
        <row r="27">
          <cell r="A27">
            <v>1326</v>
          </cell>
          <cell r="B27">
            <v>0</v>
          </cell>
          <cell r="C27">
            <v>0</v>
          </cell>
          <cell r="D27">
            <v>0</v>
          </cell>
          <cell r="E27">
            <v>16350</v>
          </cell>
          <cell r="F27">
            <v>240</v>
          </cell>
          <cell r="G27">
            <v>17886</v>
          </cell>
          <cell r="H27">
            <v>240</v>
          </cell>
          <cell r="I27">
            <v>17118</v>
          </cell>
          <cell r="J27">
            <v>500</v>
          </cell>
          <cell r="K27">
            <v>547</v>
          </cell>
          <cell r="L27">
            <v>32.700000000000003</v>
          </cell>
        </row>
        <row r="28">
          <cell r="A28">
            <v>1326.5</v>
          </cell>
          <cell r="B28">
            <v>0</v>
          </cell>
          <cell r="C28">
            <v>0</v>
          </cell>
          <cell r="E28" t="str">
            <v>470×57.5kg</v>
          </cell>
          <cell r="G28" t="str">
            <v>525×57.5kg</v>
          </cell>
        </row>
        <row r="29">
          <cell r="A29">
            <v>1327</v>
          </cell>
          <cell r="B29">
            <v>0</v>
          </cell>
          <cell r="C29">
            <v>0</v>
          </cell>
          <cell r="D29">
            <v>0</v>
          </cell>
          <cell r="E29">
            <v>27025</v>
          </cell>
          <cell r="F29">
            <v>240</v>
          </cell>
          <cell r="G29">
            <v>30187</v>
          </cell>
          <cell r="H29">
            <v>240</v>
          </cell>
          <cell r="I29">
            <v>28606</v>
          </cell>
          <cell r="J29">
            <v>470</v>
          </cell>
          <cell r="K29">
            <v>525</v>
          </cell>
          <cell r="L29">
            <v>57.5</v>
          </cell>
        </row>
        <row r="30">
          <cell r="A30">
            <v>1329.5</v>
          </cell>
          <cell r="B30">
            <v>0</v>
          </cell>
          <cell r="C30">
            <v>0</v>
          </cell>
          <cell r="E30" t="str">
            <v>500×121.0kg</v>
          </cell>
          <cell r="G30" t="str">
            <v>547×121.0kg</v>
          </cell>
        </row>
        <row r="31">
          <cell r="A31">
            <v>1330</v>
          </cell>
          <cell r="B31">
            <v>0</v>
          </cell>
          <cell r="C31">
            <v>0</v>
          </cell>
          <cell r="D31">
            <v>0</v>
          </cell>
          <cell r="E31">
            <v>60500</v>
          </cell>
          <cell r="F31">
            <v>240</v>
          </cell>
          <cell r="G31">
            <v>66187</v>
          </cell>
          <cell r="H31">
            <v>240</v>
          </cell>
          <cell r="I31">
            <v>63343</v>
          </cell>
          <cell r="J31">
            <v>500</v>
          </cell>
          <cell r="K31">
            <v>547</v>
          </cell>
          <cell r="L31">
            <v>121</v>
          </cell>
        </row>
        <row r="32">
          <cell r="A32">
            <v>1330.5</v>
          </cell>
          <cell r="B32">
            <v>0</v>
          </cell>
          <cell r="C32">
            <v>0</v>
          </cell>
          <cell r="E32" t="str">
            <v>500×158.0kg</v>
          </cell>
          <cell r="G32" t="str">
            <v>547×158.0kg</v>
          </cell>
        </row>
        <row r="33">
          <cell r="A33">
            <v>1331</v>
          </cell>
          <cell r="B33">
            <v>0</v>
          </cell>
          <cell r="C33">
            <v>0</v>
          </cell>
          <cell r="D33">
            <v>0</v>
          </cell>
          <cell r="E33">
            <v>79000</v>
          </cell>
          <cell r="F33">
            <v>240</v>
          </cell>
          <cell r="G33">
            <v>86426</v>
          </cell>
          <cell r="H33">
            <v>240</v>
          </cell>
          <cell r="I33">
            <v>82713</v>
          </cell>
          <cell r="J33">
            <v>500</v>
          </cell>
          <cell r="K33">
            <v>547</v>
          </cell>
          <cell r="L33">
            <v>158</v>
          </cell>
        </row>
        <row r="34">
          <cell r="A34">
            <v>1331.5</v>
          </cell>
          <cell r="B34">
            <v>0</v>
          </cell>
          <cell r="C34">
            <v>0</v>
          </cell>
          <cell r="E34" t="str">
            <v>470×65.2kg</v>
          </cell>
          <cell r="G34" t="str">
            <v>525×65.2kg</v>
          </cell>
        </row>
        <row r="35">
          <cell r="A35">
            <v>1332</v>
          </cell>
          <cell r="B35">
            <v>0</v>
          </cell>
          <cell r="C35">
            <v>0</v>
          </cell>
          <cell r="D35">
            <v>0</v>
          </cell>
          <cell r="E35">
            <v>30644</v>
          </cell>
          <cell r="F35">
            <v>240</v>
          </cell>
          <cell r="G35">
            <v>34230</v>
          </cell>
          <cell r="H35">
            <v>240</v>
          </cell>
          <cell r="I35">
            <v>32437</v>
          </cell>
          <cell r="J35">
            <v>470</v>
          </cell>
          <cell r="K35">
            <v>525</v>
          </cell>
          <cell r="L35">
            <v>65.2</v>
          </cell>
        </row>
        <row r="36">
          <cell r="A36">
            <v>1332.5</v>
          </cell>
          <cell r="B36">
            <v>0</v>
          </cell>
          <cell r="C36">
            <v>0</v>
          </cell>
          <cell r="E36" t="str">
            <v>470×49.0kg</v>
          </cell>
          <cell r="G36" t="str">
            <v>525×49.0kg</v>
          </cell>
        </row>
        <row r="37">
          <cell r="A37">
            <v>1333</v>
          </cell>
          <cell r="B37">
            <v>0</v>
          </cell>
          <cell r="C37">
            <v>0</v>
          </cell>
          <cell r="D37">
            <v>0</v>
          </cell>
          <cell r="E37">
            <v>23030</v>
          </cell>
          <cell r="F37">
            <v>240</v>
          </cell>
          <cell r="G37">
            <v>25725</v>
          </cell>
          <cell r="H37">
            <v>240</v>
          </cell>
          <cell r="I37">
            <v>24377</v>
          </cell>
          <cell r="J37">
            <v>470</v>
          </cell>
          <cell r="K37">
            <v>525</v>
          </cell>
          <cell r="L37">
            <v>49</v>
          </cell>
        </row>
        <row r="38">
          <cell r="A38">
            <v>1334.5</v>
          </cell>
          <cell r="B38">
            <v>0</v>
          </cell>
          <cell r="C38">
            <v>0</v>
          </cell>
          <cell r="E38" t="str">
            <v>470×0.0kg</v>
          </cell>
          <cell r="G38" t="str">
            <v>525×0.0kg</v>
          </cell>
        </row>
        <row r="39">
          <cell r="A39">
            <v>1335</v>
          </cell>
          <cell r="B39">
            <v>0</v>
          </cell>
          <cell r="C39">
            <v>0</v>
          </cell>
          <cell r="D39">
            <v>0</v>
          </cell>
          <cell r="E39">
            <v>49300</v>
          </cell>
          <cell r="F39">
            <v>240</v>
          </cell>
          <cell r="G39">
            <v>49900</v>
          </cell>
          <cell r="H39">
            <v>240</v>
          </cell>
          <cell r="I39">
            <v>49600</v>
          </cell>
          <cell r="J39">
            <v>470</v>
          </cell>
          <cell r="K39">
            <v>525</v>
          </cell>
        </row>
        <row r="40">
          <cell r="A40">
            <v>1335.5</v>
          </cell>
          <cell r="B40">
            <v>0</v>
          </cell>
          <cell r="C40">
            <v>0</v>
          </cell>
          <cell r="E40" t="str">
            <v>500×196.0kg</v>
          </cell>
          <cell r="G40" t="str">
            <v>547×196.0kg</v>
          </cell>
        </row>
        <row r="41">
          <cell r="A41">
            <v>1336</v>
          </cell>
          <cell r="B41">
            <v>0</v>
          </cell>
          <cell r="C41">
            <v>0</v>
          </cell>
          <cell r="D41">
            <v>0</v>
          </cell>
          <cell r="E41">
            <v>98000</v>
          </cell>
          <cell r="F41">
            <v>240</v>
          </cell>
          <cell r="G41">
            <v>107212</v>
          </cell>
          <cell r="H41">
            <v>240</v>
          </cell>
          <cell r="I41">
            <v>102606</v>
          </cell>
          <cell r="J41">
            <v>500</v>
          </cell>
          <cell r="K41">
            <v>547</v>
          </cell>
          <cell r="L41">
            <v>196</v>
          </cell>
        </row>
        <row r="42">
          <cell r="A42">
            <v>1336.5</v>
          </cell>
          <cell r="B42">
            <v>0</v>
          </cell>
          <cell r="C42">
            <v>0</v>
          </cell>
          <cell r="E42" t="str">
            <v>470×46.4kg</v>
          </cell>
          <cell r="G42" t="str">
            <v>525×46.4kg</v>
          </cell>
        </row>
        <row r="43">
          <cell r="A43">
            <v>1337</v>
          </cell>
          <cell r="B43">
            <v>0</v>
          </cell>
          <cell r="C43">
            <v>0</v>
          </cell>
          <cell r="D43">
            <v>0</v>
          </cell>
          <cell r="E43">
            <v>21808</v>
          </cell>
          <cell r="F43">
            <v>240</v>
          </cell>
          <cell r="G43">
            <v>24360</v>
          </cell>
          <cell r="H43">
            <v>240</v>
          </cell>
          <cell r="I43">
            <v>23084</v>
          </cell>
          <cell r="J43">
            <v>470</v>
          </cell>
          <cell r="K43">
            <v>525</v>
          </cell>
          <cell r="L43">
            <v>46.4</v>
          </cell>
        </row>
        <row r="44">
          <cell r="A44">
            <v>1338.5</v>
          </cell>
          <cell r="B44">
            <v>0</v>
          </cell>
          <cell r="C44">
            <v>0</v>
          </cell>
          <cell r="E44" t="str">
            <v>500×196.0kg</v>
          </cell>
          <cell r="G44" t="str">
            <v>547×196.0kg</v>
          </cell>
        </row>
        <row r="45">
          <cell r="A45">
            <v>1339</v>
          </cell>
          <cell r="B45">
            <v>0</v>
          </cell>
          <cell r="C45">
            <v>0</v>
          </cell>
          <cell r="D45">
            <v>0</v>
          </cell>
          <cell r="E45">
            <v>98000</v>
          </cell>
          <cell r="F45">
            <v>240</v>
          </cell>
          <cell r="G45">
            <v>107212</v>
          </cell>
          <cell r="H45">
            <v>240</v>
          </cell>
          <cell r="I45">
            <v>102606</v>
          </cell>
          <cell r="J45">
            <v>500</v>
          </cell>
          <cell r="K45">
            <v>547</v>
          </cell>
          <cell r="L45">
            <v>196</v>
          </cell>
        </row>
        <row r="46">
          <cell r="A46">
            <v>1340.5</v>
          </cell>
          <cell r="B46">
            <v>0</v>
          </cell>
          <cell r="C46">
            <v>0</v>
          </cell>
          <cell r="E46" t="str">
            <v>500×226.0kg</v>
          </cell>
          <cell r="G46" t="str">
            <v>547×226.0kg</v>
          </cell>
        </row>
        <row r="47">
          <cell r="A47">
            <v>1341</v>
          </cell>
          <cell r="B47">
            <v>0</v>
          </cell>
          <cell r="C47">
            <v>0</v>
          </cell>
          <cell r="D47">
            <v>0</v>
          </cell>
          <cell r="E47">
            <v>113000</v>
          </cell>
          <cell r="F47">
            <v>240</v>
          </cell>
          <cell r="G47">
            <v>123622</v>
          </cell>
          <cell r="H47">
            <v>240</v>
          </cell>
          <cell r="I47">
            <v>118311</v>
          </cell>
          <cell r="J47">
            <v>500</v>
          </cell>
          <cell r="K47">
            <v>547</v>
          </cell>
          <cell r="L47">
            <v>226</v>
          </cell>
        </row>
        <row r="48">
          <cell r="A48">
            <v>1342.5</v>
          </cell>
          <cell r="B48">
            <v>0</v>
          </cell>
          <cell r="C48">
            <v>0</v>
          </cell>
          <cell r="E48" t="str">
            <v>470×38.5kg</v>
          </cell>
          <cell r="G48" t="str">
            <v>525×38.5kg</v>
          </cell>
        </row>
        <row r="49">
          <cell r="A49">
            <v>1343</v>
          </cell>
          <cell r="B49">
            <v>0</v>
          </cell>
          <cell r="C49">
            <v>0</v>
          </cell>
          <cell r="D49">
            <v>0</v>
          </cell>
          <cell r="E49">
            <v>18095</v>
          </cell>
          <cell r="F49">
            <v>240</v>
          </cell>
          <cell r="G49">
            <v>20212</v>
          </cell>
          <cell r="H49">
            <v>240</v>
          </cell>
          <cell r="I49">
            <v>19153</v>
          </cell>
          <cell r="J49">
            <v>470</v>
          </cell>
          <cell r="K49">
            <v>525</v>
          </cell>
          <cell r="L49">
            <v>38.5</v>
          </cell>
        </row>
        <row r="50">
          <cell r="A50">
            <v>1343.5</v>
          </cell>
          <cell r="B50">
            <v>0</v>
          </cell>
          <cell r="C50">
            <v>0</v>
          </cell>
          <cell r="E50" t="str">
            <v>470×26.4kg</v>
          </cell>
          <cell r="G50" t="str">
            <v>525×26.4kg</v>
          </cell>
        </row>
        <row r="51">
          <cell r="A51">
            <v>1344</v>
          </cell>
          <cell r="B51">
            <v>0</v>
          </cell>
          <cell r="C51">
            <v>0</v>
          </cell>
          <cell r="D51">
            <v>0</v>
          </cell>
          <cell r="E51">
            <v>12408</v>
          </cell>
          <cell r="F51">
            <v>240</v>
          </cell>
          <cell r="G51">
            <v>13860</v>
          </cell>
          <cell r="H51">
            <v>240</v>
          </cell>
          <cell r="I51">
            <v>13134</v>
          </cell>
          <cell r="J51">
            <v>470</v>
          </cell>
          <cell r="K51">
            <v>525</v>
          </cell>
          <cell r="L51">
            <v>26.4</v>
          </cell>
        </row>
        <row r="52">
          <cell r="A52">
            <v>1346.5</v>
          </cell>
          <cell r="B52">
            <v>0</v>
          </cell>
          <cell r="C52">
            <v>0</v>
          </cell>
          <cell r="E52" t="str">
            <v>500×141.0kg</v>
          </cell>
          <cell r="G52" t="str">
            <v>547×141.0kg</v>
          </cell>
        </row>
        <row r="53">
          <cell r="A53">
            <v>1347</v>
          </cell>
          <cell r="B53">
            <v>0</v>
          </cell>
          <cell r="C53">
            <v>0</v>
          </cell>
          <cell r="D53">
            <v>0</v>
          </cell>
          <cell r="E53">
            <v>70500</v>
          </cell>
          <cell r="F53">
            <v>240</v>
          </cell>
          <cell r="G53">
            <v>77127</v>
          </cell>
          <cell r="H53">
            <v>240</v>
          </cell>
          <cell r="I53">
            <v>73813</v>
          </cell>
          <cell r="J53">
            <v>500</v>
          </cell>
          <cell r="K53">
            <v>547</v>
          </cell>
          <cell r="L53">
            <v>141</v>
          </cell>
        </row>
        <row r="54">
          <cell r="A54">
            <v>1347.5</v>
          </cell>
          <cell r="B54">
            <v>0</v>
          </cell>
          <cell r="C54">
            <v>0</v>
          </cell>
          <cell r="E54" t="str">
            <v>550×52.7kg</v>
          </cell>
          <cell r="G54" t="str">
            <v>600×52.7kg</v>
          </cell>
        </row>
        <row r="55">
          <cell r="A55">
            <v>1348</v>
          </cell>
          <cell r="B55">
            <v>0</v>
          </cell>
          <cell r="C55">
            <v>0</v>
          </cell>
          <cell r="D55">
            <v>0</v>
          </cell>
          <cell r="E55">
            <v>28985</v>
          </cell>
          <cell r="F55">
            <v>240</v>
          </cell>
          <cell r="G55">
            <v>31620</v>
          </cell>
          <cell r="H55">
            <v>240</v>
          </cell>
          <cell r="I55">
            <v>30302</v>
          </cell>
          <cell r="J55">
            <v>550</v>
          </cell>
          <cell r="K55">
            <v>600</v>
          </cell>
          <cell r="L55">
            <v>52.7</v>
          </cell>
        </row>
        <row r="56">
          <cell r="A56">
            <v>1349.5</v>
          </cell>
          <cell r="B56">
            <v>0</v>
          </cell>
          <cell r="C56">
            <v>0</v>
          </cell>
          <cell r="E56" t="str">
            <v>590×74.7kg</v>
          </cell>
          <cell r="G56" t="str">
            <v>630×74.7kg</v>
          </cell>
        </row>
        <row r="57">
          <cell r="A57">
            <v>1350</v>
          </cell>
          <cell r="B57">
            <v>0</v>
          </cell>
          <cell r="C57">
            <v>0</v>
          </cell>
          <cell r="D57">
            <v>0</v>
          </cell>
          <cell r="E57">
            <v>44073</v>
          </cell>
          <cell r="F57">
            <v>240</v>
          </cell>
          <cell r="G57">
            <v>47061</v>
          </cell>
          <cell r="H57">
            <v>240</v>
          </cell>
          <cell r="I57">
            <v>45567</v>
          </cell>
          <cell r="J57">
            <v>590</v>
          </cell>
          <cell r="K57">
            <v>630</v>
          </cell>
          <cell r="L57">
            <v>74.7</v>
          </cell>
        </row>
        <row r="58">
          <cell r="A58">
            <v>1361.5</v>
          </cell>
          <cell r="B58">
            <v>0</v>
          </cell>
          <cell r="C58">
            <v>0</v>
          </cell>
        </row>
        <row r="59">
          <cell r="A59">
            <v>1362</v>
          </cell>
          <cell r="B59">
            <v>0</v>
          </cell>
          <cell r="C59">
            <v>0</v>
          </cell>
          <cell r="D59">
            <v>0</v>
          </cell>
          <cell r="E59">
            <v>25500</v>
          </cell>
          <cell r="F59">
            <v>241</v>
          </cell>
          <cell r="G59">
            <v>24800</v>
          </cell>
          <cell r="H59">
            <v>241</v>
          </cell>
          <cell r="I59">
            <v>25150</v>
          </cell>
          <cell r="J59">
            <v>470</v>
          </cell>
          <cell r="K59">
            <v>525</v>
          </cell>
        </row>
        <row r="60">
          <cell r="A60">
            <v>1362.5</v>
          </cell>
          <cell r="B60">
            <v>0</v>
          </cell>
          <cell r="C60">
            <v>0</v>
          </cell>
        </row>
        <row r="61">
          <cell r="A61">
            <v>1363</v>
          </cell>
          <cell r="B61">
            <v>0</v>
          </cell>
          <cell r="C61">
            <v>0</v>
          </cell>
          <cell r="D61">
            <v>0</v>
          </cell>
          <cell r="E61">
            <v>15500</v>
          </cell>
          <cell r="F61">
            <v>241</v>
          </cell>
          <cell r="G61">
            <v>15100</v>
          </cell>
          <cell r="H61">
            <v>241</v>
          </cell>
          <cell r="I61">
            <v>15300</v>
          </cell>
          <cell r="J61">
            <v>470</v>
          </cell>
          <cell r="K61">
            <v>525</v>
          </cell>
        </row>
        <row r="62">
          <cell r="A62">
            <v>1363.5</v>
          </cell>
          <cell r="B62">
            <v>0</v>
          </cell>
          <cell r="C62">
            <v>0</v>
          </cell>
        </row>
        <row r="63">
          <cell r="A63">
            <v>1364</v>
          </cell>
          <cell r="B63">
            <v>0</v>
          </cell>
          <cell r="C63">
            <v>0</v>
          </cell>
          <cell r="D63">
            <v>0</v>
          </cell>
          <cell r="E63">
            <v>3120</v>
          </cell>
          <cell r="F63">
            <v>241</v>
          </cell>
          <cell r="G63">
            <v>3160</v>
          </cell>
          <cell r="H63">
            <v>241</v>
          </cell>
          <cell r="I63">
            <v>3140</v>
          </cell>
          <cell r="J63">
            <v>470</v>
          </cell>
          <cell r="K63">
            <v>525</v>
          </cell>
        </row>
        <row r="64">
          <cell r="A64">
            <v>1364.5</v>
          </cell>
          <cell r="B64">
            <v>0</v>
          </cell>
          <cell r="C64">
            <v>0</v>
          </cell>
        </row>
        <row r="65">
          <cell r="A65">
            <v>1365</v>
          </cell>
          <cell r="B65">
            <v>0</v>
          </cell>
          <cell r="C65">
            <v>0</v>
          </cell>
          <cell r="D65">
            <v>0</v>
          </cell>
          <cell r="E65">
            <v>20200</v>
          </cell>
          <cell r="F65">
            <v>241</v>
          </cell>
          <cell r="G65">
            <v>19600</v>
          </cell>
          <cell r="H65">
            <v>241</v>
          </cell>
          <cell r="I65">
            <v>19900</v>
          </cell>
          <cell r="J65">
            <v>470</v>
          </cell>
          <cell r="K65">
            <v>525</v>
          </cell>
        </row>
        <row r="66">
          <cell r="A66">
            <v>1365.5</v>
          </cell>
          <cell r="B66">
            <v>0</v>
          </cell>
          <cell r="C66">
            <v>0</v>
          </cell>
        </row>
        <row r="67">
          <cell r="A67">
            <v>1366</v>
          </cell>
          <cell r="B67">
            <v>0</v>
          </cell>
          <cell r="C67">
            <v>0</v>
          </cell>
          <cell r="D67">
            <v>0</v>
          </cell>
          <cell r="E67">
            <v>8360</v>
          </cell>
          <cell r="F67">
            <v>241</v>
          </cell>
          <cell r="G67">
            <v>8480</v>
          </cell>
          <cell r="H67">
            <v>241</v>
          </cell>
          <cell r="I67">
            <v>8420</v>
          </cell>
          <cell r="J67">
            <v>470</v>
          </cell>
          <cell r="K67">
            <v>525</v>
          </cell>
        </row>
        <row r="68">
          <cell r="A68">
            <v>1366.5</v>
          </cell>
          <cell r="B68">
            <v>0</v>
          </cell>
          <cell r="C68">
            <v>0</v>
          </cell>
        </row>
        <row r="69">
          <cell r="A69">
            <v>1367</v>
          </cell>
          <cell r="B69">
            <v>0</v>
          </cell>
          <cell r="C69">
            <v>0</v>
          </cell>
          <cell r="D69">
            <v>0</v>
          </cell>
          <cell r="E69">
            <v>6190</v>
          </cell>
          <cell r="F69">
            <v>241</v>
          </cell>
          <cell r="G69">
            <v>6280</v>
          </cell>
          <cell r="H69">
            <v>241</v>
          </cell>
          <cell r="I69">
            <v>6235</v>
          </cell>
          <cell r="J69">
            <v>470</v>
          </cell>
          <cell r="K69">
            <v>525</v>
          </cell>
        </row>
        <row r="70">
          <cell r="A70">
            <v>1367.5</v>
          </cell>
          <cell r="B70">
            <v>0</v>
          </cell>
          <cell r="C70">
            <v>0</v>
          </cell>
        </row>
        <row r="71">
          <cell r="A71">
            <v>1368</v>
          </cell>
          <cell r="B71">
            <v>0</v>
          </cell>
          <cell r="C71">
            <v>0</v>
          </cell>
          <cell r="D71">
            <v>0</v>
          </cell>
          <cell r="E71">
            <v>10400</v>
          </cell>
          <cell r="F71">
            <v>241</v>
          </cell>
          <cell r="G71">
            <v>10100</v>
          </cell>
          <cell r="H71">
            <v>241</v>
          </cell>
          <cell r="I71">
            <v>10250</v>
          </cell>
          <cell r="J71">
            <v>470</v>
          </cell>
          <cell r="K71">
            <v>525</v>
          </cell>
        </row>
        <row r="72">
          <cell r="A72">
            <v>1368.5</v>
          </cell>
          <cell r="B72">
            <v>0</v>
          </cell>
          <cell r="C72">
            <v>0</v>
          </cell>
        </row>
        <row r="73">
          <cell r="A73">
            <v>1369</v>
          </cell>
          <cell r="B73">
            <v>0</v>
          </cell>
          <cell r="C73">
            <v>0</v>
          </cell>
          <cell r="D73">
            <v>0</v>
          </cell>
          <cell r="E73">
            <v>22700</v>
          </cell>
          <cell r="F73">
            <v>241</v>
          </cell>
          <cell r="G73">
            <v>22000</v>
          </cell>
          <cell r="H73">
            <v>241</v>
          </cell>
          <cell r="I73">
            <v>22350</v>
          </cell>
          <cell r="J73">
            <v>470</v>
          </cell>
          <cell r="K73">
            <v>525</v>
          </cell>
        </row>
        <row r="74">
          <cell r="A74">
            <v>1370.5</v>
          </cell>
          <cell r="B74">
            <v>0</v>
          </cell>
          <cell r="C74">
            <v>0</v>
          </cell>
        </row>
        <row r="75">
          <cell r="A75">
            <v>1371</v>
          </cell>
          <cell r="B75">
            <v>0</v>
          </cell>
          <cell r="C75">
            <v>0</v>
          </cell>
          <cell r="D75">
            <v>0</v>
          </cell>
          <cell r="E75">
            <v>8360</v>
          </cell>
          <cell r="F75">
            <v>241</v>
          </cell>
          <cell r="G75">
            <v>8360</v>
          </cell>
          <cell r="H75">
            <v>241</v>
          </cell>
          <cell r="I75">
            <v>8360</v>
          </cell>
          <cell r="J75">
            <v>470</v>
          </cell>
          <cell r="K75">
            <v>525</v>
          </cell>
        </row>
        <row r="76">
          <cell r="A76">
            <v>1371.5</v>
          </cell>
          <cell r="B76">
            <v>0</v>
          </cell>
          <cell r="C76">
            <v>0</v>
          </cell>
        </row>
        <row r="77">
          <cell r="A77">
            <v>1372</v>
          </cell>
          <cell r="B77">
            <v>0</v>
          </cell>
          <cell r="C77">
            <v>0</v>
          </cell>
          <cell r="D77">
            <v>0</v>
          </cell>
          <cell r="E77">
            <v>4760</v>
          </cell>
          <cell r="F77">
            <v>241</v>
          </cell>
          <cell r="G77">
            <v>4760</v>
          </cell>
          <cell r="H77">
            <v>241</v>
          </cell>
          <cell r="I77">
            <v>4760</v>
          </cell>
          <cell r="J77">
            <v>470</v>
          </cell>
          <cell r="K77">
            <v>525</v>
          </cell>
        </row>
        <row r="78">
          <cell r="A78">
            <v>1372.5</v>
          </cell>
          <cell r="B78">
            <v>0</v>
          </cell>
          <cell r="C78">
            <v>0</v>
          </cell>
        </row>
        <row r="79">
          <cell r="A79">
            <v>1373</v>
          </cell>
          <cell r="B79">
            <v>0</v>
          </cell>
          <cell r="C79">
            <v>0</v>
          </cell>
          <cell r="D79">
            <v>0</v>
          </cell>
          <cell r="E79">
            <v>3500</v>
          </cell>
          <cell r="F79">
            <v>241</v>
          </cell>
          <cell r="G79">
            <v>3500</v>
          </cell>
          <cell r="H79">
            <v>241</v>
          </cell>
          <cell r="I79">
            <v>3500</v>
          </cell>
          <cell r="J79">
            <v>470</v>
          </cell>
          <cell r="K79">
            <v>525</v>
          </cell>
        </row>
        <row r="80">
          <cell r="A80">
            <v>1373.5</v>
          </cell>
          <cell r="B80">
            <v>0</v>
          </cell>
          <cell r="C80">
            <v>0</v>
          </cell>
        </row>
        <row r="81">
          <cell r="A81">
            <v>1374</v>
          </cell>
          <cell r="B81">
            <v>0</v>
          </cell>
          <cell r="C81">
            <v>0</v>
          </cell>
          <cell r="D81">
            <v>0</v>
          </cell>
          <cell r="E81">
            <v>6550</v>
          </cell>
          <cell r="F81">
            <v>241</v>
          </cell>
          <cell r="G81">
            <v>6550</v>
          </cell>
          <cell r="H81">
            <v>241</v>
          </cell>
          <cell r="I81">
            <v>6550</v>
          </cell>
          <cell r="J81">
            <v>470</v>
          </cell>
          <cell r="K81">
            <v>525</v>
          </cell>
        </row>
        <row r="82">
          <cell r="A82">
            <v>1374.5</v>
          </cell>
          <cell r="B82">
            <v>0</v>
          </cell>
          <cell r="C82">
            <v>0</v>
          </cell>
        </row>
        <row r="83">
          <cell r="A83">
            <v>1375</v>
          </cell>
          <cell r="B83">
            <v>0</v>
          </cell>
          <cell r="C83">
            <v>0</v>
          </cell>
          <cell r="D83">
            <v>0</v>
          </cell>
          <cell r="E83">
            <v>12700</v>
          </cell>
          <cell r="F83">
            <v>241</v>
          </cell>
          <cell r="G83">
            <v>12700</v>
          </cell>
          <cell r="H83">
            <v>241</v>
          </cell>
          <cell r="I83">
            <v>12700</v>
          </cell>
          <cell r="J83">
            <v>470</v>
          </cell>
          <cell r="K83">
            <v>525</v>
          </cell>
        </row>
        <row r="84">
          <cell r="A84">
            <v>1381.5</v>
          </cell>
          <cell r="B84">
            <v>0</v>
          </cell>
          <cell r="C84">
            <v>0</v>
          </cell>
        </row>
        <row r="85">
          <cell r="A85">
            <v>1382</v>
          </cell>
          <cell r="B85">
            <v>0</v>
          </cell>
          <cell r="C85">
            <v>0</v>
          </cell>
          <cell r="D85">
            <v>0</v>
          </cell>
          <cell r="E85">
            <v>93900</v>
          </cell>
          <cell r="F85">
            <v>250</v>
          </cell>
          <cell r="G85">
            <v>93900</v>
          </cell>
          <cell r="H85">
            <v>250</v>
          </cell>
          <cell r="I85">
            <v>93900</v>
          </cell>
          <cell r="J85">
            <v>470</v>
          </cell>
          <cell r="K85">
            <v>525</v>
          </cell>
        </row>
        <row r="86">
          <cell r="A86">
            <v>1386.5</v>
          </cell>
          <cell r="B86">
            <v>0</v>
          </cell>
          <cell r="C86">
            <v>0</v>
          </cell>
        </row>
        <row r="87">
          <cell r="A87">
            <v>1387</v>
          </cell>
          <cell r="B87">
            <v>0</v>
          </cell>
          <cell r="C87">
            <v>0</v>
          </cell>
          <cell r="D87">
            <v>0</v>
          </cell>
          <cell r="E87">
            <v>6810</v>
          </cell>
          <cell r="F87">
            <v>240</v>
          </cell>
          <cell r="G87">
            <v>6810</v>
          </cell>
          <cell r="H87">
            <v>240</v>
          </cell>
          <cell r="I87">
            <v>6810</v>
          </cell>
        </row>
        <row r="88">
          <cell r="A88">
            <v>1387.5</v>
          </cell>
          <cell r="B88">
            <v>0</v>
          </cell>
          <cell r="C88">
            <v>0</v>
          </cell>
        </row>
        <row r="89">
          <cell r="A89">
            <v>1388</v>
          </cell>
          <cell r="B89">
            <v>0</v>
          </cell>
          <cell r="C89">
            <v>0</v>
          </cell>
          <cell r="D89">
            <v>0</v>
          </cell>
          <cell r="E89">
            <v>5160</v>
          </cell>
          <cell r="F89">
            <v>240</v>
          </cell>
          <cell r="G89">
            <v>5160</v>
          </cell>
          <cell r="H89">
            <v>240</v>
          </cell>
          <cell r="I89">
            <v>5160</v>
          </cell>
        </row>
        <row r="90">
          <cell r="A90">
            <v>1388.5</v>
          </cell>
          <cell r="B90">
            <v>0</v>
          </cell>
          <cell r="C90">
            <v>0</v>
          </cell>
        </row>
        <row r="91">
          <cell r="A91">
            <v>1389</v>
          </cell>
          <cell r="B91">
            <v>0</v>
          </cell>
          <cell r="C91">
            <v>0</v>
          </cell>
          <cell r="D91">
            <v>0</v>
          </cell>
          <cell r="E91">
            <v>4450</v>
          </cell>
          <cell r="F91">
            <v>240</v>
          </cell>
          <cell r="G91">
            <v>4450</v>
          </cell>
          <cell r="H91">
            <v>240</v>
          </cell>
          <cell r="I91">
            <v>4450</v>
          </cell>
        </row>
        <row r="92">
          <cell r="A92">
            <v>1395.5</v>
          </cell>
          <cell r="B92">
            <v>0</v>
          </cell>
          <cell r="C92" t="str">
            <v>折りたたみ式 ﾀﾞﾌﾞﾙ</v>
          </cell>
        </row>
        <row r="93">
          <cell r="A93">
            <v>1396</v>
          </cell>
          <cell r="B93" t="str">
            <v>埋設標識ｼｰﾄ</v>
          </cell>
          <cell r="C93" t="str">
            <v>150mm×50,000Ｌ</v>
          </cell>
          <cell r="D93" t="str">
            <v>ｍ</v>
          </cell>
          <cell r="E93">
            <v>7150</v>
          </cell>
          <cell r="F93">
            <v>554</v>
          </cell>
          <cell r="G93">
            <v>7150</v>
          </cell>
          <cell r="H93">
            <v>597</v>
          </cell>
          <cell r="I93">
            <v>7150</v>
          </cell>
        </row>
        <row r="94">
          <cell r="A94">
            <v>1400.5</v>
          </cell>
          <cell r="B94">
            <v>0</v>
          </cell>
          <cell r="C94">
            <v>0</v>
          </cell>
          <cell r="E94" t="str">
            <v>470×13.2kg</v>
          </cell>
          <cell r="G94" t="str">
            <v>525×13.2kg</v>
          </cell>
        </row>
        <row r="95">
          <cell r="A95">
            <v>1401</v>
          </cell>
          <cell r="B95">
            <v>0</v>
          </cell>
          <cell r="C95">
            <v>0</v>
          </cell>
          <cell r="D95">
            <v>0</v>
          </cell>
          <cell r="E95">
            <v>6204</v>
          </cell>
          <cell r="F95">
            <v>240</v>
          </cell>
          <cell r="G95">
            <v>6930</v>
          </cell>
          <cell r="H95">
            <v>240</v>
          </cell>
          <cell r="I95">
            <v>6567</v>
          </cell>
          <cell r="J95">
            <v>470</v>
          </cell>
          <cell r="K95">
            <v>525</v>
          </cell>
          <cell r="L95">
            <v>13.2</v>
          </cell>
        </row>
        <row r="96">
          <cell r="A96">
            <v>1403.5</v>
          </cell>
          <cell r="B96">
            <v>0</v>
          </cell>
          <cell r="C96">
            <v>0</v>
          </cell>
          <cell r="E96" t="str">
            <v>470×53.8kg</v>
          </cell>
          <cell r="G96" t="str">
            <v>525×53.8kg</v>
          </cell>
        </row>
        <row r="97">
          <cell r="A97">
            <v>1404</v>
          </cell>
          <cell r="B97">
            <v>0</v>
          </cell>
          <cell r="C97">
            <v>0</v>
          </cell>
          <cell r="D97">
            <v>0</v>
          </cell>
          <cell r="E97">
            <v>25286</v>
          </cell>
          <cell r="F97">
            <v>240</v>
          </cell>
          <cell r="G97">
            <v>28245</v>
          </cell>
          <cell r="H97">
            <v>240</v>
          </cell>
          <cell r="I97">
            <v>26765</v>
          </cell>
          <cell r="J97">
            <v>470</v>
          </cell>
          <cell r="K97">
            <v>525</v>
          </cell>
          <cell r="L97">
            <v>53.8</v>
          </cell>
        </row>
        <row r="98">
          <cell r="A98">
            <v>1411.5</v>
          </cell>
          <cell r="B98">
            <v>0</v>
          </cell>
          <cell r="C98">
            <v>0</v>
          </cell>
        </row>
        <row r="99">
          <cell r="A99">
            <v>1412</v>
          </cell>
          <cell r="B99">
            <v>0</v>
          </cell>
          <cell r="C99">
            <v>0</v>
          </cell>
          <cell r="D99">
            <v>0</v>
          </cell>
          <cell r="E99">
            <v>73800</v>
          </cell>
          <cell r="F99">
            <v>240</v>
          </cell>
          <cell r="G99">
            <v>73800</v>
          </cell>
          <cell r="H99">
            <v>240</v>
          </cell>
          <cell r="I99">
            <v>73800</v>
          </cell>
        </row>
        <row r="100">
          <cell r="A100">
            <v>1412.5</v>
          </cell>
          <cell r="B100">
            <v>0</v>
          </cell>
          <cell r="C100">
            <v>0</v>
          </cell>
        </row>
        <row r="101">
          <cell r="A101">
            <v>1413</v>
          </cell>
          <cell r="B101">
            <v>0</v>
          </cell>
          <cell r="C101">
            <v>0</v>
          </cell>
          <cell r="D101">
            <v>0</v>
          </cell>
          <cell r="E101">
            <v>125000</v>
          </cell>
          <cell r="F101">
            <v>240</v>
          </cell>
          <cell r="G101">
            <v>125000</v>
          </cell>
          <cell r="H101">
            <v>240</v>
          </cell>
          <cell r="I101">
            <v>125000</v>
          </cell>
        </row>
        <row r="102">
          <cell r="A102">
            <v>1413.5</v>
          </cell>
          <cell r="B102">
            <v>0</v>
          </cell>
          <cell r="C102">
            <v>0</v>
          </cell>
        </row>
        <row r="103">
          <cell r="A103">
            <v>1414</v>
          </cell>
          <cell r="B103">
            <v>0</v>
          </cell>
          <cell r="C103">
            <v>0</v>
          </cell>
          <cell r="D103">
            <v>0</v>
          </cell>
          <cell r="E103">
            <v>86700</v>
          </cell>
          <cell r="F103">
            <v>240</v>
          </cell>
          <cell r="G103">
            <v>86700</v>
          </cell>
          <cell r="H103">
            <v>240</v>
          </cell>
          <cell r="I103">
            <v>86700</v>
          </cell>
        </row>
        <row r="104">
          <cell r="A104">
            <v>1414.5</v>
          </cell>
          <cell r="B104">
            <v>0</v>
          </cell>
          <cell r="C104">
            <v>0</v>
          </cell>
        </row>
        <row r="105">
          <cell r="A105">
            <v>1415</v>
          </cell>
          <cell r="B105">
            <v>0</v>
          </cell>
          <cell r="C105">
            <v>0</v>
          </cell>
          <cell r="D105">
            <v>0</v>
          </cell>
          <cell r="E105">
            <v>74700</v>
          </cell>
          <cell r="F105">
            <v>240</v>
          </cell>
          <cell r="G105">
            <v>74700</v>
          </cell>
          <cell r="H105">
            <v>240</v>
          </cell>
          <cell r="I105">
            <v>74700</v>
          </cell>
        </row>
        <row r="106">
          <cell r="A106">
            <v>1415.5</v>
          </cell>
          <cell r="B106">
            <v>0</v>
          </cell>
          <cell r="C106">
            <v>0</v>
          </cell>
        </row>
        <row r="107">
          <cell r="A107">
            <v>1416</v>
          </cell>
          <cell r="B107">
            <v>0</v>
          </cell>
          <cell r="C107">
            <v>0</v>
          </cell>
          <cell r="D107">
            <v>0</v>
          </cell>
          <cell r="E107">
            <v>18000</v>
          </cell>
          <cell r="F107">
            <v>240</v>
          </cell>
          <cell r="G107">
            <v>18000</v>
          </cell>
          <cell r="H107">
            <v>240</v>
          </cell>
          <cell r="I107">
            <v>18000</v>
          </cell>
        </row>
        <row r="108">
          <cell r="A108">
            <v>1416.5</v>
          </cell>
          <cell r="B108">
            <v>0</v>
          </cell>
          <cell r="C108">
            <v>0</v>
          </cell>
        </row>
        <row r="109">
          <cell r="A109">
            <v>1417</v>
          </cell>
          <cell r="B109">
            <v>0</v>
          </cell>
          <cell r="C109">
            <v>0</v>
          </cell>
          <cell r="D109">
            <v>0</v>
          </cell>
          <cell r="E109">
            <v>316000</v>
          </cell>
          <cell r="F109">
            <v>250</v>
          </cell>
          <cell r="G109">
            <v>305000</v>
          </cell>
          <cell r="H109">
            <v>250</v>
          </cell>
          <cell r="I109">
            <v>310500</v>
          </cell>
        </row>
        <row r="110">
          <cell r="A110">
            <v>1419.5</v>
          </cell>
          <cell r="B110">
            <v>0</v>
          </cell>
          <cell r="C110">
            <v>0</v>
          </cell>
        </row>
        <row r="111">
          <cell r="A111">
            <v>1420</v>
          </cell>
          <cell r="B111">
            <v>0</v>
          </cell>
          <cell r="C111">
            <v>0</v>
          </cell>
          <cell r="D111">
            <v>0</v>
          </cell>
          <cell r="E111">
            <v>69500</v>
          </cell>
          <cell r="F111">
            <v>240</v>
          </cell>
          <cell r="G111">
            <v>69500</v>
          </cell>
          <cell r="H111">
            <v>240</v>
          </cell>
          <cell r="I111">
            <v>69500</v>
          </cell>
        </row>
        <row r="112">
          <cell r="A112">
            <v>1420.5</v>
          </cell>
          <cell r="B112">
            <v>0</v>
          </cell>
          <cell r="C112">
            <v>0</v>
          </cell>
        </row>
        <row r="113">
          <cell r="A113">
            <v>1421</v>
          </cell>
          <cell r="B113">
            <v>0</v>
          </cell>
          <cell r="C113">
            <v>0</v>
          </cell>
          <cell r="D113">
            <v>0</v>
          </cell>
          <cell r="E113">
            <v>6080</v>
          </cell>
          <cell r="F113">
            <v>240</v>
          </cell>
          <cell r="G113">
            <v>6080</v>
          </cell>
          <cell r="H113">
            <v>240</v>
          </cell>
          <cell r="I113">
            <v>6080</v>
          </cell>
        </row>
        <row r="114">
          <cell r="A114">
            <v>1421.5</v>
          </cell>
          <cell r="B114">
            <v>0</v>
          </cell>
          <cell r="C114">
            <v>0</v>
          </cell>
        </row>
        <row r="115">
          <cell r="A115">
            <v>1422</v>
          </cell>
          <cell r="B115">
            <v>0</v>
          </cell>
          <cell r="C115">
            <v>0</v>
          </cell>
          <cell r="D115">
            <v>0</v>
          </cell>
          <cell r="E115">
            <v>16300</v>
          </cell>
          <cell r="F115">
            <v>240</v>
          </cell>
          <cell r="G115">
            <v>16300</v>
          </cell>
          <cell r="H115">
            <v>240</v>
          </cell>
          <cell r="I115">
            <v>16300</v>
          </cell>
        </row>
        <row r="116">
          <cell r="A116">
            <v>1422.5</v>
          </cell>
          <cell r="B116">
            <v>0</v>
          </cell>
          <cell r="C116">
            <v>0</v>
          </cell>
        </row>
        <row r="117">
          <cell r="A117">
            <v>1423</v>
          </cell>
          <cell r="B117">
            <v>0</v>
          </cell>
          <cell r="C117">
            <v>0</v>
          </cell>
          <cell r="D117">
            <v>0</v>
          </cell>
          <cell r="E117">
            <v>8500</v>
          </cell>
          <cell r="F117">
            <v>240</v>
          </cell>
          <cell r="G117">
            <v>8500</v>
          </cell>
          <cell r="H117">
            <v>240</v>
          </cell>
          <cell r="I117">
            <v>8500</v>
          </cell>
        </row>
        <row r="118">
          <cell r="A118">
            <v>1423.5</v>
          </cell>
          <cell r="B118">
            <v>0</v>
          </cell>
          <cell r="C118">
            <v>0</v>
          </cell>
        </row>
        <row r="119">
          <cell r="A119">
            <v>1424</v>
          </cell>
          <cell r="B119">
            <v>0</v>
          </cell>
          <cell r="C119">
            <v>0</v>
          </cell>
          <cell r="D119">
            <v>0</v>
          </cell>
          <cell r="E119">
            <v>143000</v>
          </cell>
          <cell r="F119">
            <v>250</v>
          </cell>
          <cell r="G119">
            <v>143000</v>
          </cell>
          <cell r="H119">
            <v>250</v>
          </cell>
          <cell r="I119">
            <v>143000</v>
          </cell>
        </row>
        <row r="120">
          <cell r="A120">
            <v>1425.5</v>
          </cell>
          <cell r="B120">
            <v>0</v>
          </cell>
          <cell r="C120">
            <v>0</v>
          </cell>
          <cell r="E120" t="str">
            <v>500×93.0kg</v>
          </cell>
          <cell r="G120" t="str">
            <v>547×93.0kg</v>
          </cell>
        </row>
        <row r="121">
          <cell r="A121">
            <v>1426</v>
          </cell>
          <cell r="B121">
            <v>0</v>
          </cell>
          <cell r="C121">
            <v>0</v>
          </cell>
          <cell r="D121">
            <v>0</v>
          </cell>
          <cell r="E121">
            <v>46500</v>
          </cell>
          <cell r="F121">
            <v>240</v>
          </cell>
          <cell r="G121">
            <v>50871</v>
          </cell>
          <cell r="H121">
            <v>240</v>
          </cell>
          <cell r="I121">
            <v>48685</v>
          </cell>
          <cell r="J121">
            <v>500</v>
          </cell>
          <cell r="K121">
            <v>547</v>
          </cell>
          <cell r="L121">
            <v>93</v>
          </cell>
        </row>
        <row r="122">
          <cell r="A122">
            <v>1427.5</v>
          </cell>
          <cell r="B122">
            <v>0</v>
          </cell>
          <cell r="C122">
            <v>0</v>
          </cell>
          <cell r="E122" t="str">
            <v>500×228.0kg</v>
          </cell>
          <cell r="G122" t="str">
            <v>547×228.0kg</v>
          </cell>
        </row>
        <row r="123">
          <cell r="A123">
            <v>1428</v>
          </cell>
          <cell r="B123">
            <v>0</v>
          </cell>
          <cell r="C123">
            <v>0</v>
          </cell>
          <cell r="D123">
            <v>0</v>
          </cell>
          <cell r="E123">
            <v>114000</v>
          </cell>
          <cell r="F123">
            <v>240</v>
          </cell>
          <cell r="G123">
            <v>124716</v>
          </cell>
          <cell r="H123">
            <v>240</v>
          </cell>
          <cell r="I123">
            <v>119358</v>
          </cell>
          <cell r="J123">
            <v>500</v>
          </cell>
          <cell r="K123">
            <v>547</v>
          </cell>
          <cell r="L123">
            <v>228</v>
          </cell>
        </row>
        <row r="124">
          <cell r="A124">
            <v>1428.5</v>
          </cell>
          <cell r="B124">
            <v>0</v>
          </cell>
          <cell r="C124">
            <v>0</v>
          </cell>
          <cell r="E124" t="str">
            <v>500×94.1kg</v>
          </cell>
          <cell r="G124" t="str">
            <v>547×94.1kg</v>
          </cell>
        </row>
        <row r="125">
          <cell r="A125">
            <v>1429</v>
          </cell>
          <cell r="B125">
            <v>0</v>
          </cell>
          <cell r="C125">
            <v>0</v>
          </cell>
          <cell r="D125">
            <v>0</v>
          </cell>
          <cell r="E125">
            <v>47050</v>
          </cell>
          <cell r="F125">
            <v>240</v>
          </cell>
          <cell r="G125">
            <v>51472</v>
          </cell>
          <cell r="H125">
            <v>240</v>
          </cell>
          <cell r="I125">
            <v>49261</v>
          </cell>
          <cell r="J125">
            <v>500</v>
          </cell>
          <cell r="K125">
            <v>547</v>
          </cell>
          <cell r="L125">
            <v>94.1</v>
          </cell>
        </row>
        <row r="126">
          <cell r="A126">
            <v>1429.5</v>
          </cell>
          <cell r="B126">
            <v>0</v>
          </cell>
          <cell r="C126">
            <v>0</v>
          </cell>
        </row>
        <row r="127">
          <cell r="A127">
            <v>1430</v>
          </cell>
          <cell r="B127">
            <v>0</v>
          </cell>
          <cell r="C127">
            <v>0</v>
          </cell>
          <cell r="D127">
            <v>0</v>
          </cell>
          <cell r="E127">
            <v>592000</v>
          </cell>
          <cell r="F127">
            <v>250</v>
          </cell>
          <cell r="G127">
            <v>571000</v>
          </cell>
          <cell r="H127">
            <v>250</v>
          </cell>
          <cell r="I127">
            <v>581500</v>
          </cell>
        </row>
        <row r="128">
          <cell r="A128">
            <v>1431.5</v>
          </cell>
          <cell r="B128">
            <v>0</v>
          </cell>
          <cell r="C128">
            <v>0</v>
          </cell>
          <cell r="E128" t="str">
            <v>470×43.9kg</v>
          </cell>
          <cell r="G128" t="str">
            <v>525×43.9kg</v>
          </cell>
        </row>
        <row r="129">
          <cell r="A129">
            <v>1432</v>
          </cell>
          <cell r="B129">
            <v>0</v>
          </cell>
          <cell r="C129">
            <v>0</v>
          </cell>
          <cell r="D129">
            <v>0</v>
          </cell>
          <cell r="E129">
            <v>20633</v>
          </cell>
          <cell r="F129">
            <v>240</v>
          </cell>
          <cell r="G129">
            <v>23047</v>
          </cell>
          <cell r="H129">
            <v>240</v>
          </cell>
          <cell r="I129">
            <v>21840</v>
          </cell>
          <cell r="J129">
            <v>470</v>
          </cell>
          <cell r="K129">
            <v>525</v>
          </cell>
          <cell r="L129">
            <v>43.9</v>
          </cell>
        </row>
        <row r="130">
          <cell r="A130">
            <v>-0.5</v>
          </cell>
        </row>
        <row r="131">
          <cell r="B131" t="str">
            <v>粘着テープ</v>
          </cell>
          <cell r="C131" t="str">
            <v>厚0.2mm×幅19mm×20ｍ</v>
          </cell>
          <cell r="D131" t="str">
            <v>ｍ</v>
          </cell>
          <cell r="E131">
            <v>9</v>
          </cell>
          <cell r="F131">
            <v>630</v>
          </cell>
          <cell r="G131" t="str">
            <v>-</v>
          </cell>
          <cell r="I131">
            <v>9</v>
          </cell>
        </row>
        <row r="132">
          <cell r="A132">
            <v>-0.5</v>
          </cell>
          <cell r="B132">
            <v>0</v>
          </cell>
          <cell r="C132">
            <v>0</v>
          </cell>
        </row>
        <row r="133">
          <cell r="B133">
            <v>0</v>
          </cell>
          <cell r="C133">
            <v>0</v>
          </cell>
          <cell r="D133">
            <v>0</v>
          </cell>
        </row>
        <row r="134">
          <cell r="A134">
            <v>-0.5</v>
          </cell>
          <cell r="B134">
            <v>0</v>
          </cell>
          <cell r="C134">
            <v>0</v>
          </cell>
        </row>
        <row r="135">
          <cell r="B135">
            <v>0</v>
          </cell>
          <cell r="C135">
            <v>0</v>
          </cell>
          <cell r="D135">
            <v>0</v>
          </cell>
        </row>
        <row r="136">
          <cell r="A136">
            <v>-0.5</v>
          </cell>
          <cell r="B136">
            <v>0</v>
          </cell>
          <cell r="C136">
            <v>0</v>
          </cell>
        </row>
        <row r="137">
          <cell r="B137">
            <v>0</v>
          </cell>
          <cell r="C137">
            <v>0</v>
          </cell>
          <cell r="D137">
            <v>0</v>
          </cell>
        </row>
        <row r="138">
          <cell r="A138">
            <v>-0.5</v>
          </cell>
          <cell r="B138">
            <v>0</v>
          </cell>
          <cell r="C138">
            <v>0</v>
          </cell>
        </row>
        <row r="139">
          <cell r="B139">
            <v>0</v>
          </cell>
          <cell r="C139">
            <v>0</v>
          </cell>
          <cell r="D139">
            <v>0</v>
          </cell>
        </row>
        <row r="140">
          <cell r="A140">
            <v>-0.5</v>
          </cell>
          <cell r="B140">
            <v>0</v>
          </cell>
          <cell r="C140">
            <v>0</v>
          </cell>
        </row>
        <row r="141">
          <cell r="B141">
            <v>0</v>
          </cell>
          <cell r="C141">
            <v>0</v>
          </cell>
          <cell r="D141">
            <v>0</v>
          </cell>
        </row>
        <row r="142">
          <cell r="A142">
            <v>-0.5</v>
          </cell>
          <cell r="B142">
            <v>0</v>
          </cell>
          <cell r="C142">
            <v>0</v>
          </cell>
        </row>
        <row r="143">
          <cell r="B143">
            <v>0</v>
          </cell>
          <cell r="C143">
            <v>0</v>
          </cell>
          <cell r="D143">
            <v>0</v>
          </cell>
        </row>
        <row r="144">
          <cell r="A144">
            <v>-0.5</v>
          </cell>
          <cell r="B144">
            <v>0</v>
          </cell>
          <cell r="C144">
            <v>0</v>
          </cell>
        </row>
        <row r="145">
          <cell r="B145">
            <v>0</v>
          </cell>
          <cell r="C145">
            <v>0</v>
          </cell>
          <cell r="D145">
            <v>0</v>
          </cell>
        </row>
        <row r="146">
          <cell r="A146">
            <v>-0.5</v>
          </cell>
          <cell r="B146">
            <v>0</v>
          </cell>
          <cell r="C146">
            <v>0</v>
          </cell>
        </row>
        <row r="147">
          <cell r="B147">
            <v>0</v>
          </cell>
          <cell r="C147">
            <v>0</v>
          </cell>
          <cell r="D147">
            <v>0</v>
          </cell>
        </row>
        <row r="148">
          <cell r="A148">
            <v>-0.5</v>
          </cell>
          <cell r="B148">
            <v>0</v>
          </cell>
          <cell r="C148">
            <v>0</v>
          </cell>
        </row>
        <row r="149">
          <cell r="B149">
            <v>0</v>
          </cell>
          <cell r="C149">
            <v>0</v>
          </cell>
          <cell r="D149">
            <v>0</v>
          </cell>
        </row>
        <row r="150">
          <cell r="A150">
            <v>-0.5</v>
          </cell>
          <cell r="B150">
            <v>0</v>
          </cell>
          <cell r="C150">
            <v>0</v>
          </cell>
        </row>
        <row r="151">
          <cell r="B151">
            <v>0</v>
          </cell>
          <cell r="C151">
            <v>0</v>
          </cell>
          <cell r="D151">
            <v>0</v>
          </cell>
        </row>
      </sheetData>
      <sheetData sheetId="10" refreshError="1"/>
      <sheetData sheetId="11" refreshError="1"/>
      <sheetData sheetId="12" refreshError="1"/>
      <sheetData sheetId="13" refreshError="1"/>
      <sheetData sheetId="14" refreshError="1"/>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AX33"/>
  <sheetViews>
    <sheetView showGridLines="0" tabSelected="1" zoomScaleNormal="100" zoomScaleSheetLayoutView="100" workbookViewId="0">
      <selection activeCell="I6" sqref="I6:AF8"/>
    </sheetView>
  </sheetViews>
  <sheetFormatPr defaultRowHeight="13.5"/>
  <cols>
    <col min="1" max="7" width="3.42578125" style="200" customWidth="1"/>
    <col min="8" max="8" width="3.42578125" style="201" customWidth="1"/>
    <col min="9" max="15" width="3.5703125" style="201" customWidth="1"/>
    <col min="16" max="27" width="3.5703125" style="200" customWidth="1"/>
    <col min="28" max="28" width="3.42578125" style="200" customWidth="1"/>
    <col min="29" max="30" width="3.28515625" style="200" customWidth="1"/>
    <col min="31" max="32" width="3.140625" style="200" customWidth="1"/>
    <col min="33" max="44" width="3.7109375" style="200" customWidth="1"/>
    <col min="45" max="47" width="9.140625" style="200"/>
    <col min="48" max="48" width="15.7109375" style="200" customWidth="1"/>
    <col min="49" max="16384" width="9.140625" style="200"/>
  </cols>
  <sheetData>
    <row r="1" spans="1:50" s="186" customFormat="1" ht="20.25" customHeight="1">
      <c r="A1" s="209" t="s">
        <v>80</v>
      </c>
      <c r="B1" s="210"/>
      <c r="C1" s="210"/>
      <c r="D1" s="213">
        <v>30</v>
      </c>
      <c r="E1" s="213"/>
      <c r="F1" s="215" t="s">
        <v>81</v>
      </c>
      <c r="G1" s="215"/>
      <c r="H1" s="216"/>
      <c r="I1" s="219" t="s">
        <v>110</v>
      </c>
      <c r="J1" s="219"/>
      <c r="K1" s="219"/>
      <c r="L1" s="219"/>
      <c r="M1" s="219"/>
      <c r="N1" s="220" t="s">
        <v>103</v>
      </c>
      <c r="O1" s="220"/>
      <c r="P1" s="220"/>
      <c r="Q1" s="220"/>
      <c r="R1" s="220"/>
      <c r="S1" s="220"/>
      <c r="T1" s="220"/>
      <c r="U1" s="220"/>
      <c r="V1" s="220"/>
      <c r="W1" s="220"/>
      <c r="X1" s="220"/>
      <c r="Y1" s="220"/>
      <c r="Z1" s="220"/>
      <c r="AA1" s="220"/>
      <c r="AB1" s="220"/>
      <c r="AC1" s="220"/>
      <c r="AD1" s="220"/>
      <c r="AE1" s="220"/>
      <c r="AF1" s="220"/>
      <c r="AG1" s="203" t="s">
        <v>11</v>
      </c>
      <c r="AH1" s="203"/>
      <c r="AI1" s="203"/>
      <c r="AJ1" s="203"/>
      <c r="AK1" s="203"/>
      <c r="AL1" s="203"/>
      <c r="AM1" s="203"/>
      <c r="AN1" s="203"/>
      <c r="AO1" s="203"/>
      <c r="AP1" s="203"/>
      <c r="AQ1" s="203"/>
      <c r="AR1" s="204"/>
      <c r="AT1" s="187"/>
    </row>
    <row r="2" spans="1:50" s="186" customFormat="1" ht="20.25" customHeight="1">
      <c r="A2" s="211"/>
      <c r="B2" s="212"/>
      <c r="C2" s="212"/>
      <c r="D2" s="214"/>
      <c r="E2" s="214"/>
      <c r="F2" s="217"/>
      <c r="G2" s="217"/>
      <c r="H2" s="218"/>
      <c r="I2" s="207" t="s">
        <v>82</v>
      </c>
      <c r="J2" s="208"/>
      <c r="K2" s="208"/>
      <c r="L2" s="208"/>
      <c r="M2" s="208"/>
      <c r="N2" s="221"/>
      <c r="O2" s="221"/>
      <c r="P2" s="221"/>
      <c r="Q2" s="221"/>
      <c r="R2" s="221"/>
      <c r="S2" s="221"/>
      <c r="T2" s="221"/>
      <c r="U2" s="221"/>
      <c r="V2" s="221"/>
      <c r="W2" s="221"/>
      <c r="X2" s="221"/>
      <c r="Y2" s="221"/>
      <c r="Z2" s="221"/>
      <c r="AA2" s="221"/>
      <c r="AB2" s="221"/>
      <c r="AC2" s="221"/>
      <c r="AD2" s="221"/>
      <c r="AE2" s="221"/>
      <c r="AF2" s="221"/>
      <c r="AG2" s="205"/>
      <c r="AH2" s="205"/>
      <c r="AI2" s="205"/>
      <c r="AJ2" s="205"/>
      <c r="AK2" s="205"/>
      <c r="AL2" s="205"/>
      <c r="AM2" s="205"/>
      <c r="AN2" s="205"/>
      <c r="AO2" s="205"/>
      <c r="AP2" s="205"/>
      <c r="AQ2" s="205"/>
      <c r="AR2" s="206"/>
      <c r="AT2" s="188"/>
    </row>
    <row r="3" spans="1:50" s="186" customFormat="1" ht="21" customHeight="1">
      <c r="A3" s="222" t="s">
        <v>83</v>
      </c>
      <c r="B3" s="222"/>
      <c r="C3" s="222"/>
      <c r="D3" s="222"/>
      <c r="E3" s="222"/>
      <c r="F3" s="222"/>
      <c r="G3" s="222"/>
      <c r="H3" s="223"/>
      <c r="I3" s="224" t="s">
        <v>112</v>
      </c>
      <c r="J3" s="225"/>
      <c r="K3" s="225"/>
      <c r="L3" s="225"/>
      <c r="M3" s="225"/>
      <c r="N3" s="225"/>
      <c r="O3" s="225"/>
      <c r="P3" s="225"/>
      <c r="Q3" s="225"/>
      <c r="R3" s="225"/>
      <c r="S3" s="225"/>
      <c r="T3" s="225"/>
      <c r="U3" s="225"/>
      <c r="V3" s="225"/>
      <c r="W3" s="225"/>
      <c r="X3" s="225"/>
      <c r="Y3" s="225"/>
      <c r="Z3" s="225"/>
      <c r="AA3" s="225"/>
      <c r="AB3" s="225"/>
      <c r="AC3" s="225"/>
      <c r="AD3" s="225"/>
      <c r="AE3" s="225"/>
      <c r="AF3" s="226"/>
      <c r="AG3" s="232" t="s">
        <v>84</v>
      </c>
      <c r="AH3" s="233"/>
      <c r="AI3" s="234" t="s">
        <v>85</v>
      </c>
      <c r="AJ3" s="232"/>
      <c r="AK3" s="232"/>
      <c r="AL3" s="232"/>
      <c r="AM3" s="232"/>
      <c r="AN3" s="232"/>
      <c r="AO3" s="232"/>
      <c r="AP3" s="232"/>
      <c r="AQ3" s="232"/>
      <c r="AR3" s="235"/>
      <c r="AT3" s="188"/>
    </row>
    <row r="4" spans="1:50" s="186" customFormat="1" ht="21" customHeight="1">
      <c r="A4" s="222"/>
      <c r="B4" s="222"/>
      <c r="C4" s="222"/>
      <c r="D4" s="222"/>
      <c r="E4" s="222"/>
      <c r="F4" s="222"/>
      <c r="G4" s="222"/>
      <c r="H4" s="223"/>
      <c r="I4" s="227"/>
      <c r="J4" s="228"/>
      <c r="K4" s="228"/>
      <c r="L4" s="228"/>
      <c r="M4" s="228"/>
      <c r="N4" s="228"/>
      <c r="O4" s="228"/>
      <c r="P4" s="228"/>
      <c r="Q4" s="228"/>
      <c r="R4" s="228"/>
      <c r="S4" s="228"/>
      <c r="T4" s="228"/>
      <c r="U4" s="228"/>
      <c r="V4" s="228"/>
      <c r="W4" s="228"/>
      <c r="X4" s="228"/>
      <c r="Y4" s="228"/>
      <c r="Z4" s="228"/>
      <c r="AA4" s="228"/>
      <c r="AB4" s="228"/>
      <c r="AC4" s="228"/>
      <c r="AD4" s="228"/>
      <c r="AE4" s="228"/>
      <c r="AF4" s="229"/>
      <c r="AG4" s="232"/>
      <c r="AH4" s="233"/>
      <c r="AI4" s="234"/>
      <c r="AJ4" s="232"/>
      <c r="AK4" s="232"/>
      <c r="AL4" s="232"/>
      <c r="AM4" s="232"/>
      <c r="AN4" s="232"/>
      <c r="AO4" s="232"/>
      <c r="AP4" s="232"/>
      <c r="AQ4" s="232"/>
      <c r="AR4" s="235"/>
      <c r="AT4" s="189"/>
    </row>
    <row r="5" spans="1:50" s="186" customFormat="1" ht="21" customHeight="1">
      <c r="A5" s="222"/>
      <c r="B5" s="222"/>
      <c r="C5" s="222"/>
      <c r="D5" s="222"/>
      <c r="E5" s="222"/>
      <c r="F5" s="222"/>
      <c r="G5" s="222"/>
      <c r="H5" s="223"/>
      <c r="I5" s="230"/>
      <c r="J5" s="214"/>
      <c r="K5" s="214"/>
      <c r="L5" s="214"/>
      <c r="M5" s="214"/>
      <c r="N5" s="214"/>
      <c r="O5" s="214"/>
      <c r="P5" s="214"/>
      <c r="Q5" s="214"/>
      <c r="R5" s="214"/>
      <c r="S5" s="214"/>
      <c r="T5" s="214"/>
      <c r="U5" s="214"/>
      <c r="V5" s="214"/>
      <c r="W5" s="214"/>
      <c r="X5" s="214"/>
      <c r="Y5" s="214"/>
      <c r="Z5" s="214"/>
      <c r="AA5" s="214"/>
      <c r="AB5" s="214"/>
      <c r="AC5" s="214"/>
      <c r="AD5" s="214"/>
      <c r="AE5" s="214"/>
      <c r="AF5" s="231"/>
      <c r="AG5" s="232" t="s">
        <v>86</v>
      </c>
      <c r="AH5" s="232"/>
      <c r="AI5" s="232"/>
      <c r="AJ5" s="232"/>
      <c r="AK5" s="236" t="s">
        <v>87</v>
      </c>
      <c r="AL5" s="236"/>
      <c r="AM5" s="232"/>
      <c r="AN5" s="232"/>
      <c r="AO5" s="232" t="s">
        <v>88</v>
      </c>
      <c r="AP5" s="232"/>
      <c r="AQ5" s="237"/>
      <c r="AR5" s="238"/>
      <c r="AT5" s="189"/>
    </row>
    <row r="6" spans="1:50" s="186" customFormat="1" ht="21" customHeight="1">
      <c r="A6" s="222" t="s">
        <v>89</v>
      </c>
      <c r="B6" s="222"/>
      <c r="C6" s="222"/>
      <c r="D6" s="222"/>
      <c r="E6" s="222"/>
      <c r="F6" s="222"/>
      <c r="G6" s="222"/>
      <c r="H6" s="223"/>
      <c r="I6" s="243" t="s">
        <v>105</v>
      </c>
      <c r="J6" s="244"/>
      <c r="K6" s="244"/>
      <c r="L6" s="244"/>
      <c r="M6" s="244"/>
      <c r="N6" s="244"/>
      <c r="O6" s="244"/>
      <c r="P6" s="244"/>
      <c r="Q6" s="244"/>
      <c r="R6" s="244"/>
      <c r="S6" s="244"/>
      <c r="T6" s="244"/>
      <c r="U6" s="244"/>
      <c r="V6" s="244"/>
      <c r="W6" s="244"/>
      <c r="X6" s="244"/>
      <c r="Y6" s="244"/>
      <c r="Z6" s="244"/>
      <c r="AA6" s="244"/>
      <c r="AB6" s="244"/>
      <c r="AC6" s="244"/>
      <c r="AD6" s="244"/>
      <c r="AE6" s="244"/>
      <c r="AF6" s="245"/>
      <c r="AG6" s="232"/>
      <c r="AH6" s="232"/>
      <c r="AI6" s="232"/>
      <c r="AJ6" s="232"/>
      <c r="AK6" s="236"/>
      <c r="AL6" s="236"/>
      <c r="AM6" s="232"/>
      <c r="AN6" s="232"/>
      <c r="AO6" s="232"/>
      <c r="AP6" s="232"/>
      <c r="AQ6" s="239"/>
      <c r="AR6" s="240"/>
      <c r="AT6" s="189"/>
    </row>
    <row r="7" spans="1:50" s="186" customFormat="1" ht="21" customHeight="1">
      <c r="A7" s="222"/>
      <c r="B7" s="222"/>
      <c r="C7" s="222"/>
      <c r="D7" s="222"/>
      <c r="E7" s="222"/>
      <c r="F7" s="222"/>
      <c r="G7" s="222"/>
      <c r="H7" s="223"/>
      <c r="I7" s="246"/>
      <c r="J7" s="247"/>
      <c r="K7" s="247"/>
      <c r="L7" s="247"/>
      <c r="M7" s="247"/>
      <c r="N7" s="247"/>
      <c r="O7" s="247"/>
      <c r="P7" s="247"/>
      <c r="Q7" s="247"/>
      <c r="R7" s="247"/>
      <c r="S7" s="247"/>
      <c r="T7" s="247"/>
      <c r="U7" s="247"/>
      <c r="V7" s="247"/>
      <c r="W7" s="247"/>
      <c r="X7" s="247"/>
      <c r="Y7" s="247"/>
      <c r="Z7" s="247"/>
      <c r="AA7" s="247"/>
      <c r="AB7" s="247"/>
      <c r="AC7" s="247"/>
      <c r="AD7" s="247"/>
      <c r="AE7" s="247"/>
      <c r="AF7" s="248"/>
      <c r="AG7" s="232"/>
      <c r="AH7" s="232"/>
      <c r="AI7" s="232"/>
      <c r="AJ7" s="232"/>
      <c r="AK7" s="236"/>
      <c r="AL7" s="236"/>
      <c r="AM7" s="232"/>
      <c r="AN7" s="232"/>
      <c r="AO7" s="232"/>
      <c r="AP7" s="232"/>
      <c r="AQ7" s="241"/>
      <c r="AR7" s="242"/>
      <c r="AT7" s="189"/>
    </row>
    <row r="8" spans="1:50" s="186" customFormat="1" ht="21" customHeight="1">
      <c r="A8" s="222"/>
      <c r="B8" s="222"/>
      <c r="C8" s="222"/>
      <c r="D8" s="222"/>
      <c r="E8" s="222"/>
      <c r="F8" s="222"/>
      <c r="G8" s="222"/>
      <c r="H8" s="223"/>
      <c r="I8" s="249"/>
      <c r="J8" s="250"/>
      <c r="K8" s="250"/>
      <c r="L8" s="250"/>
      <c r="M8" s="250"/>
      <c r="N8" s="250"/>
      <c r="O8" s="250"/>
      <c r="P8" s="250"/>
      <c r="Q8" s="250"/>
      <c r="R8" s="250"/>
      <c r="S8" s="250"/>
      <c r="T8" s="250"/>
      <c r="U8" s="250"/>
      <c r="V8" s="250"/>
      <c r="W8" s="250"/>
      <c r="X8" s="250"/>
      <c r="Y8" s="250"/>
      <c r="Z8" s="250"/>
      <c r="AA8" s="250"/>
      <c r="AB8" s="250"/>
      <c r="AC8" s="250"/>
      <c r="AD8" s="250"/>
      <c r="AE8" s="250"/>
      <c r="AF8" s="251"/>
      <c r="AG8" s="232" t="s">
        <v>90</v>
      </c>
      <c r="AH8" s="232"/>
      <c r="AI8" s="237"/>
      <c r="AJ8" s="252"/>
      <c r="AK8" s="252"/>
      <c r="AL8" s="252"/>
      <c r="AM8" s="252"/>
      <c r="AN8" s="252"/>
      <c r="AO8" s="252"/>
      <c r="AP8" s="252"/>
      <c r="AQ8" s="252"/>
      <c r="AR8" s="238"/>
    </row>
    <row r="9" spans="1:50" s="186" customFormat="1" ht="21" customHeight="1">
      <c r="A9" s="222" t="s">
        <v>91</v>
      </c>
      <c r="B9" s="222"/>
      <c r="C9" s="222"/>
      <c r="D9" s="222"/>
      <c r="E9" s="222"/>
      <c r="F9" s="222"/>
      <c r="G9" s="222"/>
      <c r="H9" s="223"/>
      <c r="I9" s="190"/>
      <c r="J9" s="190"/>
      <c r="K9" s="190"/>
      <c r="L9" s="190"/>
      <c r="M9" s="190"/>
      <c r="N9" s="190"/>
      <c r="O9" s="190"/>
      <c r="P9" s="191"/>
      <c r="Q9" s="191"/>
      <c r="R9" s="191"/>
      <c r="S9" s="191"/>
      <c r="T9" s="191"/>
      <c r="U9" s="191"/>
      <c r="V9" s="191"/>
      <c r="W9" s="191"/>
      <c r="X9" s="192"/>
      <c r="Y9" s="192"/>
      <c r="Z9" s="192"/>
      <c r="AA9" s="192"/>
      <c r="AB9" s="192"/>
      <c r="AC9" s="192"/>
      <c r="AD9" s="192"/>
      <c r="AE9" s="192"/>
      <c r="AF9" s="192"/>
      <c r="AG9" s="232"/>
      <c r="AH9" s="232"/>
      <c r="AI9" s="241"/>
      <c r="AJ9" s="253"/>
      <c r="AK9" s="253"/>
      <c r="AL9" s="253"/>
      <c r="AM9" s="253"/>
      <c r="AN9" s="253"/>
      <c r="AO9" s="253"/>
      <c r="AP9" s="253"/>
      <c r="AQ9" s="253"/>
      <c r="AR9" s="242"/>
    </row>
    <row r="10" spans="1:50" s="186" customFormat="1" ht="21" customHeight="1">
      <c r="A10" s="222"/>
      <c r="B10" s="222"/>
      <c r="C10" s="222"/>
      <c r="D10" s="222"/>
      <c r="E10" s="222"/>
      <c r="F10" s="222"/>
      <c r="G10" s="222"/>
      <c r="H10" s="223"/>
      <c r="I10" s="193"/>
      <c r="J10" s="193"/>
      <c r="K10" s="193"/>
      <c r="L10" s="194"/>
      <c r="N10" s="195" t="s">
        <v>92</v>
      </c>
      <c r="O10" s="254"/>
      <c r="P10" s="254"/>
      <c r="Q10" s="254"/>
      <c r="R10" s="254"/>
      <c r="S10" s="254"/>
      <c r="T10" s="254"/>
      <c r="U10" s="254"/>
      <c r="V10" s="254"/>
      <c r="W10" s="254"/>
      <c r="X10" s="254"/>
      <c r="Y10" s="194" t="s">
        <v>93</v>
      </c>
      <c r="Z10" s="189"/>
      <c r="AA10" s="189"/>
      <c r="AB10" s="189"/>
      <c r="AC10" s="189"/>
      <c r="AD10" s="189"/>
      <c r="AE10" s="189"/>
      <c r="AF10" s="189"/>
      <c r="AG10" s="232" t="s">
        <v>94</v>
      </c>
      <c r="AH10" s="233"/>
      <c r="AI10" s="234" t="s">
        <v>85</v>
      </c>
      <c r="AJ10" s="232"/>
      <c r="AK10" s="232"/>
      <c r="AL10" s="232"/>
      <c r="AM10" s="232"/>
      <c r="AN10" s="232"/>
      <c r="AO10" s="232"/>
      <c r="AP10" s="232"/>
      <c r="AQ10" s="232"/>
      <c r="AR10" s="235"/>
    </row>
    <row r="11" spans="1:50" s="186" customFormat="1" ht="21" customHeight="1">
      <c r="A11" s="222"/>
      <c r="B11" s="222"/>
      <c r="C11" s="222"/>
      <c r="D11" s="222"/>
      <c r="E11" s="222"/>
      <c r="F11" s="222"/>
      <c r="G11" s="222"/>
      <c r="H11" s="223"/>
      <c r="I11" s="196"/>
      <c r="J11" s="196"/>
      <c r="K11" s="196"/>
      <c r="L11" s="196"/>
      <c r="M11" s="196"/>
      <c r="N11" s="196"/>
      <c r="O11" s="196"/>
      <c r="P11" s="197"/>
      <c r="Q11" s="197"/>
      <c r="R11" s="197"/>
      <c r="S11" s="197"/>
      <c r="T11" s="197"/>
      <c r="U11" s="197"/>
      <c r="V11" s="197"/>
      <c r="W11" s="197"/>
      <c r="X11" s="197"/>
      <c r="Y11" s="197"/>
      <c r="Z11" s="197"/>
      <c r="AA11" s="197"/>
      <c r="AB11" s="197"/>
      <c r="AC11" s="197"/>
      <c r="AD11" s="197"/>
      <c r="AE11" s="197"/>
      <c r="AF11" s="197"/>
      <c r="AG11" s="232"/>
      <c r="AH11" s="233"/>
      <c r="AI11" s="234"/>
      <c r="AJ11" s="232"/>
      <c r="AK11" s="232"/>
      <c r="AL11" s="232"/>
      <c r="AM11" s="232"/>
      <c r="AN11" s="232"/>
      <c r="AO11" s="232"/>
      <c r="AP11" s="232"/>
      <c r="AQ11" s="232"/>
      <c r="AR11" s="235"/>
    </row>
    <row r="12" spans="1:50" s="186" customFormat="1" ht="21" customHeight="1">
      <c r="A12" s="222" t="s">
        <v>95</v>
      </c>
      <c r="B12" s="222"/>
      <c r="C12" s="222"/>
      <c r="D12" s="222"/>
      <c r="E12" s="222"/>
      <c r="F12" s="222"/>
      <c r="G12" s="222"/>
      <c r="H12" s="223"/>
      <c r="I12" s="188"/>
      <c r="J12" s="188"/>
      <c r="K12" s="188"/>
      <c r="L12" s="188"/>
      <c r="M12" s="188"/>
      <c r="N12" s="188"/>
      <c r="O12" s="188"/>
      <c r="P12" s="189"/>
      <c r="Q12" s="189"/>
      <c r="R12" s="189"/>
      <c r="S12" s="189"/>
      <c r="T12" s="189"/>
      <c r="U12" s="189"/>
      <c r="V12" s="189"/>
      <c r="W12" s="189"/>
      <c r="X12" s="189"/>
      <c r="Y12" s="189"/>
      <c r="Z12" s="189"/>
      <c r="AA12" s="189"/>
      <c r="AB12" s="189"/>
      <c r="AC12" s="189"/>
      <c r="AD12" s="189"/>
      <c r="AE12" s="189"/>
      <c r="AF12" s="189"/>
      <c r="AG12" s="232" t="s">
        <v>94</v>
      </c>
      <c r="AH12" s="232"/>
      <c r="AI12" s="232"/>
      <c r="AJ12" s="232"/>
      <c r="AK12" s="232"/>
      <c r="AL12" s="232"/>
      <c r="AM12" s="232" t="s">
        <v>96</v>
      </c>
      <c r="AN12" s="232"/>
      <c r="AO12" s="237"/>
      <c r="AP12" s="252"/>
      <c r="AQ12" s="252"/>
      <c r="AR12" s="238"/>
    </row>
    <row r="13" spans="1:50" s="186" customFormat="1" ht="21" customHeight="1">
      <c r="A13" s="222"/>
      <c r="B13" s="222"/>
      <c r="C13" s="222"/>
      <c r="D13" s="222"/>
      <c r="E13" s="222"/>
      <c r="F13" s="222"/>
      <c r="G13" s="222"/>
      <c r="H13" s="223"/>
      <c r="I13" s="188"/>
      <c r="L13" s="188"/>
      <c r="N13" s="198" t="s">
        <v>97</v>
      </c>
      <c r="O13" s="277">
        <v>43524</v>
      </c>
      <c r="P13" s="277"/>
      <c r="Q13" s="277"/>
      <c r="R13" s="277"/>
      <c r="S13" s="277"/>
      <c r="T13" s="277"/>
      <c r="U13" s="277"/>
      <c r="V13" s="277"/>
      <c r="W13" s="277"/>
      <c r="X13" s="277"/>
      <c r="Y13" s="193" t="s">
        <v>98</v>
      </c>
      <c r="Z13" s="193"/>
      <c r="AA13" s="193"/>
      <c r="AB13" s="193"/>
      <c r="AC13" s="193"/>
      <c r="AD13" s="193"/>
      <c r="AE13" s="193"/>
      <c r="AF13" s="193"/>
      <c r="AG13" s="232"/>
      <c r="AH13" s="232"/>
      <c r="AI13" s="232"/>
      <c r="AJ13" s="232"/>
      <c r="AK13" s="232"/>
      <c r="AL13" s="232"/>
      <c r="AM13" s="232"/>
      <c r="AN13" s="232"/>
      <c r="AO13" s="239"/>
      <c r="AP13" s="276"/>
      <c r="AQ13" s="276"/>
      <c r="AR13" s="240"/>
    </row>
    <row r="14" spans="1:50" s="186" customFormat="1" ht="21" customHeight="1">
      <c r="A14" s="222"/>
      <c r="B14" s="222"/>
      <c r="C14" s="222"/>
      <c r="D14" s="222"/>
      <c r="E14" s="222"/>
      <c r="F14" s="222"/>
      <c r="G14" s="222"/>
      <c r="H14" s="223"/>
      <c r="I14" s="188"/>
      <c r="J14" s="188"/>
      <c r="K14" s="188"/>
      <c r="L14" s="188"/>
      <c r="M14" s="188"/>
      <c r="N14" s="188"/>
      <c r="O14" s="188"/>
      <c r="P14" s="189"/>
      <c r="Q14" s="189"/>
      <c r="R14" s="189"/>
      <c r="S14" s="189"/>
      <c r="T14" s="189"/>
      <c r="U14" s="189"/>
      <c r="V14" s="189"/>
      <c r="W14" s="189"/>
      <c r="X14" s="189"/>
      <c r="Y14" s="189"/>
      <c r="Z14" s="189"/>
      <c r="AA14" s="189"/>
      <c r="AB14" s="189"/>
      <c r="AC14" s="189"/>
      <c r="AD14" s="189"/>
      <c r="AE14" s="189"/>
      <c r="AF14" s="189"/>
      <c r="AG14" s="232"/>
      <c r="AH14" s="232"/>
      <c r="AI14" s="232"/>
      <c r="AJ14" s="232"/>
      <c r="AK14" s="232"/>
      <c r="AL14" s="232"/>
      <c r="AM14" s="232"/>
      <c r="AN14" s="232"/>
      <c r="AO14" s="241"/>
      <c r="AP14" s="253"/>
      <c r="AQ14" s="253"/>
      <c r="AR14" s="242"/>
      <c r="AX14" s="186" t="s">
        <v>99</v>
      </c>
    </row>
    <row r="15" spans="1:50" s="186" customFormat="1" ht="13.5" customHeight="1">
      <c r="A15" s="255" t="s">
        <v>100</v>
      </c>
      <c r="B15" s="252"/>
      <c r="C15" s="252"/>
      <c r="D15" s="252"/>
      <c r="E15" s="252"/>
      <c r="F15" s="252"/>
      <c r="G15" s="252"/>
      <c r="H15" s="252"/>
      <c r="I15" s="252"/>
      <c r="J15" s="252"/>
      <c r="K15" s="252"/>
      <c r="L15" s="252"/>
      <c r="M15" s="252"/>
      <c r="N15" s="252"/>
      <c r="O15" s="252"/>
      <c r="P15" s="252"/>
      <c r="Q15" s="252"/>
      <c r="R15" s="252"/>
      <c r="S15" s="252"/>
      <c r="T15" s="252"/>
      <c r="U15" s="252"/>
      <c r="V15" s="256"/>
      <c r="W15" s="252" t="s">
        <v>101</v>
      </c>
      <c r="X15" s="252"/>
      <c r="Y15" s="252"/>
      <c r="Z15" s="252"/>
      <c r="AA15" s="252"/>
      <c r="AB15" s="252"/>
      <c r="AC15" s="252"/>
      <c r="AD15" s="252"/>
      <c r="AE15" s="252"/>
      <c r="AF15" s="252"/>
      <c r="AG15" s="252"/>
      <c r="AH15" s="252"/>
      <c r="AI15" s="252"/>
      <c r="AJ15" s="252"/>
      <c r="AK15" s="252"/>
      <c r="AL15" s="252"/>
      <c r="AM15" s="252"/>
      <c r="AN15" s="252"/>
      <c r="AO15" s="252"/>
      <c r="AP15" s="252"/>
      <c r="AQ15" s="252"/>
      <c r="AR15" s="238"/>
    </row>
    <row r="16" spans="1:50" s="186" customFormat="1" ht="13.5" customHeight="1">
      <c r="A16" s="257"/>
      <c r="B16" s="253"/>
      <c r="C16" s="253"/>
      <c r="D16" s="253"/>
      <c r="E16" s="253"/>
      <c r="F16" s="253"/>
      <c r="G16" s="253"/>
      <c r="H16" s="253"/>
      <c r="I16" s="253"/>
      <c r="J16" s="253"/>
      <c r="K16" s="253"/>
      <c r="L16" s="253"/>
      <c r="M16" s="253"/>
      <c r="N16" s="253"/>
      <c r="O16" s="253"/>
      <c r="P16" s="253"/>
      <c r="Q16" s="253"/>
      <c r="R16" s="253"/>
      <c r="S16" s="253"/>
      <c r="T16" s="253"/>
      <c r="U16" s="253"/>
      <c r="V16" s="207"/>
      <c r="W16" s="253"/>
      <c r="X16" s="253"/>
      <c r="Y16" s="253"/>
      <c r="Z16" s="253"/>
      <c r="AA16" s="253"/>
      <c r="AB16" s="253"/>
      <c r="AC16" s="253"/>
      <c r="AD16" s="253"/>
      <c r="AE16" s="253"/>
      <c r="AF16" s="253"/>
      <c r="AG16" s="253"/>
      <c r="AH16" s="253"/>
      <c r="AI16" s="253"/>
      <c r="AJ16" s="253"/>
      <c r="AK16" s="253"/>
      <c r="AL16" s="253"/>
      <c r="AM16" s="253"/>
      <c r="AN16" s="253"/>
      <c r="AO16" s="253"/>
      <c r="AP16" s="253"/>
      <c r="AQ16" s="253"/>
      <c r="AR16" s="242"/>
    </row>
    <row r="17" spans="1:44" s="186" customFormat="1" ht="13.5" customHeight="1">
      <c r="A17" s="258" t="s">
        <v>111</v>
      </c>
      <c r="B17" s="259"/>
      <c r="C17" s="259"/>
      <c r="D17" s="259"/>
      <c r="E17" s="259"/>
      <c r="F17" s="259"/>
      <c r="G17" s="259"/>
      <c r="H17" s="259"/>
      <c r="I17" s="259"/>
      <c r="J17" s="259"/>
      <c r="K17" s="259"/>
      <c r="L17" s="259"/>
      <c r="M17" s="259"/>
      <c r="N17" s="259"/>
      <c r="O17" s="259"/>
      <c r="P17" s="259"/>
      <c r="Q17" s="259"/>
      <c r="R17" s="259"/>
      <c r="S17" s="259"/>
      <c r="T17" s="259"/>
      <c r="U17" s="259"/>
      <c r="V17" s="260"/>
      <c r="W17" s="267" t="s">
        <v>104</v>
      </c>
      <c r="X17" s="268"/>
      <c r="Y17" s="268"/>
      <c r="Z17" s="268"/>
      <c r="AA17" s="268"/>
      <c r="AB17" s="268"/>
      <c r="AC17" s="268"/>
      <c r="AD17" s="268"/>
      <c r="AE17" s="268"/>
      <c r="AF17" s="268"/>
      <c r="AG17" s="268"/>
      <c r="AH17" s="268"/>
      <c r="AI17" s="268"/>
      <c r="AJ17" s="268"/>
      <c r="AK17" s="268"/>
      <c r="AL17" s="268"/>
      <c r="AM17" s="268"/>
      <c r="AN17" s="268"/>
      <c r="AO17" s="268"/>
      <c r="AP17" s="268"/>
      <c r="AQ17" s="268"/>
      <c r="AR17" s="269"/>
    </row>
    <row r="18" spans="1:44" s="186" customFormat="1" ht="13.5" customHeight="1">
      <c r="A18" s="261"/>
      <c r="B18" s="262"/>
      <c r="C18" s="262"/>
      <c r="D18" s="262"/>
      <c r="E18" s="262"/>
      <c r="F18" s="262"/>
      <c r="G18" s="262"/>
      <c r="H18" s="262"/>
      <c r="I18" s="262"/>
      <c r="J18" s="262"/>
      <c r="K18" s="262"/>
      <c r="L18" s="262"/>
      <c r="M18" s="262"/>
      <c r="N18" s="262"/>
      <c r="O18" s="262"/>
      <c r="P18" s="262"/>
      <c r="Q18" s="262"/>
      <c r="R18" s="262"/>
      <c r="S18" s="262"/>
      <c r="T18" s="262"/>
      <c r="U18" s="262"/>
      <c r="V18" s="263"/>
      <c r="W18" s="270"/>
      <c r="X18" s="271"/>
      <c r="Y18" s="271"/>
      <c r="Z18" s="271"/>
      <c r="AA18" s="271"/>
      <c r="AB18" s="271"/>
      <c r="AC18" s="271"/>
      <c r="AD18" s="271"/>
      <c r="AE18" s="271"/>
      <c r="AF18" s="271"/>
      <c r="AG18" s="271"/>
      <c r="AH18" s="271"/>
      <c r="AI18" s="271"/>
      <c r="AJ18" s="271"/>
      <c r="AK18" s="271"/>
      <c r="AL18" s="271"/>
      <c r="AM18" s="271"/>
      <c r="AN18" s="271"/>
      <c r="AO18" s="271"/>
      <c r="AP18" s="271"/>
      <c r="AQ18" s="271"/>
      <c r="AR18" s="272"/>
    </row>
    <row r="19" spans="1:44" s="186" customFormat="1" ht="13.5" customHeight="1">
      <c r="A19" s="261"/>
      <c r="B19" s="262"/>
      <c r="C19" s="262"/>
      <c r="D19" s="262"/>
      <c r="E19" s="262"/>
      <c r="F19" s="262"/>
      <c r="G19" s="262"/>
      <c r="H19" s="262"/>
      <c r="I19" s="262"/>
      <c r="J19" s="262"/>
      <c r="K19" s="262"/>
      <c r="L19" s="262"/>
      <c r="M19" s="262"/>
      <c r="N19" s="262"/>
      <c r="O19" s="262"/>
      <c r="P19" s="262"/>
      <c r="Q19" s="262"/>
      <c r="R19" s="262"/>
      <c r="S19" s="262"/>
      <c r="T19" s="262"/>
      <c r="U19" s="262"/>
      <c r="V19" s="263"/>
      <c r="W19" s="270"/>
      <c r="X19" s="271"/>
      <c r="Y19" s="271"/>
      <c r="Z19" s="271"/>
      <c r="AA19" s="271"/>
      <c r="AB19" s="271"/>
      <c r="AC19" s="271"/>
      <c r="AD19" s="271"/>
      <c r="AE19" s="271"/>
      <c r="AF19" s="271"/>
      <c r="AG19" s="271"/>
      <c r="AH19" s="271"/>
      <c r="AI19" s="271"/>
      <c r="AJ19" s="271"/>
      <c r="AK19" s="271"/>
      <c r="AL19" s="271"/>
      <c r="AM19" s="271"/>
      <c r="AN19" s="271"/>
      <c r="AO19" s="271"/>
      <c r="AP19" s="271"/>
      <c r="AQ19" s="271"/>
      <c r="AR19" s="272"/>
    </row>
    <row r="20" spans="1:44" s="186" customFormat="1" ht="13.5" customHeight="1">
      <c r="A20" s="261"/>
      <c r="B20" s="262"/>
      <c r="C20" s="262"/>
      <c r="D20" s="262"/>
      <c r="E20" s="262"/>
      <c r="F20" s="262"/>
      <c r="G20" s="262"/>
      <c r="H20" s="262"/>
      <c r="I20" s="262"/>
      <c r="J20" s="262"/>
      <c r="K20" s="262"/>
      <c r="L20" s="262"/>
      <c r="M20" s="262"/>
      <c r="N20" s="262"/>
      <c r="O20" s="262"/>
      <c r="P20" s="262"/>
      <c r="Q20" s="262"/>
      <c r="R20" s="262"/>
      <c r="S20" s="262"/>
      <c r="T20" s="262"/>
      <c r="U20" s="262"/>
      <c r="V20" s="263"/>
      <c r="W20" s="270"/>
      <c r="X20" s="271"/>
      <c r="Y20" s="271"/>
      <c r="Z20" s="271"/>
      <c r="AA20" s="271"/>
      <c r="AB20" s="271"/>
      <c r="AC20" s="271"/>
      <c r="AD20" s="271"/>
      <c r="AE20" s="271"/>
      <c r="AF20" s="271"/>
      <c r="AG20" s="271"/>
      <c r="AH20" s="271"/>
      <c r="AI20" s="271"/>
      <c r="AJ20" s="271"/>
      <c r="AK20" s="271"/>
      <c r="AL20" s="271"/>
      <c r="AM20" s="271"/>
      <c r="AN20" s="271"/>
      <c r="AO20" s="271"/>
      <c r="AP20" s="271"/>
      <c r="AQ20" s="271"/>
      <c r="AR20" s="272"/>
    </row>
    <row r="21" spans="1:44" s="186" customFormat="1" ht="13.5" customHeight="1">
      <c r="A21" s="261"/>
      <c r="B21" s="262"/>
      <c r="C21" s="262"/>
      <c r="D21" s="262"/>
      <c r="E21" s="262"/>
      <c r="F21" s="262"/>
      <c r="G21" s="262"/>
      <c r="H21" s="262"/>
      <c r="I21" s="262"/>
      <c r="J21" s="262"/>
      <c r="K21" s="262"/>
      <c r="L21" s="262"/>
      <c r="M21" s="262"/>
      <c r="N21" s="262"/>
      <c r="O21" s="262"/>
      <c r="P21" s="262"/>
      <c r="Q21" s="262"/>
      <c r="R21" s="262"/>
      <c r="S21" s="262"/>
      <c r="T21" s="262"/>
      <c r="U21" s="262"/>
      <c r="V21" s="263"/>
      <c r="W21" s="270"/>
      <c r="X21" s="271"/>
      <c r="Y21" s="271"/>
      <c r="Z21" s="271"/>
      <c r="AA21" s="271"/>
      <c r="AB21" s="271"/>
      <c r="AC21" s="271"/>
      <c r="AD21" s="271"/>
      <c r="AE21" s="271"/>
      <c r="AF21" s="271"/>
      <c r="AG21" s="271"/>
      <c r="AH21" s="271"/>
      <c r="AI21" s="271"/>
      <c r="AJ21" s="271"/>
      <c r="AK21" s="271"/>
      <c r="AL21" s="271"/>
      <c r="AM21" s="271"/>
      <c r="AN21" s="271"/>
      <c r="AO21" s="271"/>
      <c r="AP21" s="271"/>
      <c r="AQ21" s="271"/>
      <c r="AR21" s="272"/>
    </row>
    <row r="22" spans="1:44" s="186" customFormat="1" ht="13.5" customHeight="1">
      <c r="A22" s="261"/>
      <c r="B22" s="262"/>
      <c r="C22" s="262"/>
      <c r="D22" s="262"/>
      <c r="E22" s="262"/>
      <c r="F22" s="262"/>
      <c r="G22" s="262"/>
      <c r="H22" s="262"/>
      <c r="I22" s="262"/>
      <c r="J22" s="262"/>
      <c r="K22" s="262"/>
      <c r="L22" s="262"/>
      <c r="M22" s="262"/>
      <c r="N22" s="262"/>
      <c r="O22" s="262"/>
      <c r="P22" s="262"/>
      <c r="Q22" s="262"/>
      <c r="R22" s="262"/>
      <c r="S22" s="262"/>
      <c r="T22" s="262"/>
      <c r="U22" s="262"/>
      <c r="V22" s="263"/>
      <c r="W22" s="270"/>
      <c r="X22" s="271"/>
      <c r="Y22" s="271"/>
      <c r="Z22" s="271"/>
      <c r="AA22" s="271"/>
      <c r="AB22" s="271"/>
      <c r="AC22" s="271"/>
      <c r="AD22" s="271"/>
      <c r="AE22" s="271"/>
      <c r="AF22" s="271"/>
      <c r="AG22" s="271"/>
      <c r="AH22" s="271"/>
      <c r="AI22" s="271"/>
      <c r="AJ22" s="271"/>
      <c r="AK22" s="271"/>
      <c r="AL22" s="271"/>
      <c r="AM22" s="271"/>
      <c r="AN22" s="271"/>
      <c r="AO22" s="271"/>
      <c r="AP22" s="271"/>
      <c r="AQ22" s="271"/>
      <c r="AR22" s="272"/>
    </row>
    <row r="23" spans="1:44" s="186" customFormat="1">
      <c r="A23" s="261"/>
      <c r="B23" s="262"/>
      <c r="C23" s="262"/>
      <c r="D23" s="262"/>
      <c r="E23" s="262"/>
      <c r="F23" s="262"/>
      <c r="G23" s="262"/>
      <c r="H23" s="262"/>
      <c r="I23" s="262"/>
      <c r="J23" s="262"/>
      <c r="K23" s="262"/>
      <c r="L23" s="262"/>
      <c r="M23" s="262"/>
      <c r="N23" s="262"/>
      <c r="O23" s="262"/>
      <c r="P23" s="262"/>
      <c r="Q23" s="262"/>
      <c r="R23" s="262"/>
      <c r="S23" s="262"/>
      <c r="T23" s="262"/>
      <c r="U23" s="262"/>
      <c r="V23" s="263"/>
      <c r="W23" s="270"/>
      <c r="X23" s="271"/>
      <c r="Y23" s="271"/>
      <c r="Z23" s="271"/>
      <c r="AA23" s="271"/>
      <c r="AB23" s="271"/>
      <c r="AC23" s="271"/>
      <c r="AD23" s="271"/>
      <c r="AE23" s="271"/>
      <c r="AF23" s="271"/>
      <c r="AG23" s="271"/>
      <c r="AH23" s="271"/>
      <c r="AI23" s="271"/>
      <c r="AJ23" s="271"/>
      <c r="AK23" s="271"/>
      <c r="AL23" s="271"/>
      <c r="AM23" s="271"/>
      <c r="AN23" s="271"/>
      <c r="AO23" s="271"/>
      <c r="AP23" s="271"/>
      <c r="AQ23" s="271"/>
      <c r="AR23" s="272"/>
    </row>
    <row r="24" spans="1:44" s="186" customFormat="1" ht="13.5" customHeight="1">
      <c r="A24" s="261"/>
      <c r="B24" s="262"/>
      <c r="C24" s="262"/>
      <c r="D24" s="262"/>
      <c r="E24" s="262"/>
      <c r="F24" s="262"/>
      <c r="G24" s="262"/>
      <c r="H24" s="262"/>
      <c r="I24" s="262"/>
      <c r="J24" s="262"/>
      <c r="K24" s="262"/>
      <c r="L24" s="262"/>
      <c r="M24" s="262"/>
      <c r="N24" s="262"/>
      <c r="O24" s="262"/>
      <c r="P24" s="262"/>
      <c r="Q24" s="262"/>
      <c r="R24" s="262"/>
      <c r="S24" s="262"/>
      <c r="T24" s="262"/>
      <c r="U24" s="262"/>
      <c r="V24" s="263"/>
      <c r="W24" s="270"/>
      <c r="X24" s="271"/>
      <c r="Y24" s="271"/>
      <c r="Z24" s="271"/>
      <c r="AA24" s="271"/>
      <c r="AB24" s="271"/>
      <c r="AC24" s="271"/>
      <c r="AD24" s="271"/>
      <c r="AE24" s="271"/>
      <c r="AF24" s="271"/>
      <c r="AG24" s="271"/>
      <c r="AH24" s="271"/>
      <c r="AI24" s="271"/>
      <c r="AJ24" s="271"/>
      <c r="AK24" s="271"/>
      <c r="AL24" s="271"/>
      <c r="AM24" s="271"/>
      <c r="AN24" s="271"/>
      <c r="AO24" s="271"/>
      <c r="AP24" s="271"/>
      <c r="AQ24" s="271"/>
      <c r="AR24" s="272"/>
    </row>
    <row r="25" spans="1:44" s="186" customFormat="1" ht="13.5" customHeight="1">
      <c r="A25" s="261"/>
      <c r="B25" s="262"/>
      <c r="C25" s="262"/>
      <c r="D25" s="262"/>
      <c r="E25" s="262"/>
      <c r="F25" s="262"/>
      <c r="G25" s="262"/>
      <c r="H25" s="262"/>
      <c r="I25" s="262"/>
      <c r="J25" s="262"/>
      <c r="K25" s="262"/>
      <c r="L25" s="262"/>
      <c r="M25" s="262"/>
      <c r="N25" s="262"/>
      <c r="O25" s="262"/>
      <c r="P25" s="262"/>
      <c r="Q25" s="262"/>
      <c r="R25" s="262"/>
      <c r="S25" s="262"/>
      <c r="T25" s="262"/>
      <c r="U25" s="262"/>
      <c r="V25" s="263"/>
      <c r="W25" s="270"/>
      <c r="X25" s="271"/>
      <c r="Y25" s="271"/>
      <c r="Z25" s="271"/>
      <c r="AA25" s="271"/>
      <c r="AB25" s="271"/>
      <c r="AC25" s="271"/>
      <c r="AD25" s="271"/>
      <c r="AE25" s="271"/>
      <c r="AF25" s="271"/>
      <c r="AG25" s="271"/>
      <c r="AH25" s="271"/>
      <c r="AI25" s="271"/>
      <c r="AJ25" s="271"/>
      <c r="AK25" s="271"/>
      <c r="AL25" s="271"/>
      <c r="AM25" s="271"/>
      <c r="AN25" s="271"/>
      <c r="AO25" s="271"/>
      <c r="AP25" s="271"/>
      <c r="AQ25" s="271"/>
      <c r="AR25" s="272"/>
    </row>
    <row r="26" spans="1:44" s="186" customFormat="1" ht="13.5" customHeight="1">
      <c r="A26" s="261"/>
      <c r="B26" s="262"/>
      <c r="C26" s="262"/>
      <c r="D26" s="262"/>
      <c r="E26" s="262"/>
      <c r="F26" s="262"/>
      <c r="G26" s="262"/>
      <c r="H26" s="262"/>
      <c r="I26" s="262"/>
      <c r="J26" s="262"/>
      <c r="K26" s="262"/>
      <c r="L26" s="262"/>
      <c r="M26" s="262"/>
      <c r="N26" s="262"/>
      <c r="O26" s="262"/>
      <c r="P26" s="262"/>
      <c r="Q26" s="262"/>
      <c r="R26" s="262"/>
      <c r="S26" s="262"/>
      <c r="T26" s="262"/>
      <c r="U26" s="262"/>
      <c r="V26" s="263"/>
      <c r="W26" s="270"/>
      <c r="X26" s="271"/>
      <c r="Y26" s="271"/>
      <c r="Z26" s="271"/>
      <c r="AA26" s="271"/>
      <c r="AB26" s="271"/>
      <c r="AC26" s="271"/>
      <c r="AD26" s="271"/>
      <c r="AE26" s="271"/>
      <c r="AF26" s="271"/>
      <c r="AG26" s="271"/>
      <c r="AH26" s="271"/>
      <c r="AI26" s="271"/>
      <c r="AJ26" s="271"/>
      <c r="AK26" s="271"/>
      <c r="AL26" s="271"/>
      <c r="AM26" s="271"/>
      <c r="AN26" s="271"/>
      <c r="AO26" s="271"/>
      <c r="AP26" s="271"/>
      <c r="AQ26" s="271"/>
      <c r="AR26" s="272"/>
    </row>
    <row r="27" spans="1:44" s="186" customFormat="1" ht="13.5" customHeight="1">
      <c r="A27" s="261"/>
      <c r="B27" s="262"/>
      <c r="C27" s="262"/>
      <c r="D27" s="262"/>
      <c r="E27" s="262"/>
      <c r="F27" s="262"/>
      <c r="G27" s="262"/>
      <c r="H27" s="262"/>
      <c r="I27" s="262"/>
      <c r="J27" s="262"/>
      <c r="K27" s="262"/>
      <c r="L27" s="262"/>
      <c r="M27" s="262"/>
      <c r="N27" s="262"/>
      <c r="O27" s="262"/>
      <c r="P27" s="262"/>
      <c r="Q27" s="262"/>
      <c r="R27" s="262"/>
      <c r="S27" s="262"/>
      <c r="T27" s="262"/>
      <c r="U27" s="262"/>
      <c r="V27" s="263"/>
      <c r="W27" s="270"/>
      <c r="X27" s="271"/>
      <c r="Y27" s="271"/>
      <c r="Z27" s="271"/>
      <c r="AA27" s="271"/>
      <c r="AB27" s="271"/>
      <c r="AC27" s="271"/>
      <c r="AD27" s="271"/>
      <c r="AE27" s="271"/>
      <c r="AF27" s="271"/>
      <c r="AG27" s="271"/>
      <c r="AH27" s="271"/>
      <c r="AI27" s="271"/>
      <c r="AJ27" s="271"/>
      <c r="AK27" s="271"/>
      <c r="AL27" s="271"/>
      <c r="AM27" s="271"/>
      <c r="AN27" s="271"/>
      <c r="AO27" s="271"/>
      <c r="AP27" s="271"/>
      <c r="AQ27" s="271"/>
      <c r="AR27" s="272"/>
    </row>
    <row r="28" spans="1:44" s="186" customFormat="1" ht="13.5" customHeight="1">
      <c r="A28" s="261"/>
      <c r="B28" s="262"/>
      <c r="C28" s="262"/>
      <c r="D28" s="262"/>
      <c r="E28" s="262"/>
      <c r="F28" s="262"/>
      <c r="G28" s="262"/>
      <c r="H28" s="262"/>
      <c r="I28" s="262"/>
      <c r="J28" s="262"/>
      <c r="K28" s="262"/>
      <c r="L28" s="262"/>
      <c r="M28" s="262"/>
      <c r="N28" s="262"/>
      <c r="O28" s="262"/>
      <c r="P28" s="262"/>
      <c r="Q28" s="262"/>
      <c r="R28" s="262"/>
      <c r="S28" s="262"/>
      <c r="T28" s="262"/>
      <c r="U28" s="262"/>
      <c r="V28" s="263"/>
      <c r="W28" s="270"/>
      <c r="X28" s="271"/>
      <c r="Y28" s="271"/>
      <c r="Z28" s="271"/>
      <c r="AA28" s="271"/>
      <c r="AB28" s="271"/>
      <c r="AC28" s="271"/>
      <c r="AD28" s="271"/>
      <c r="AE28" s="271"/>
      <c r="AF28" s="271"/>
      <c r="AG28" s="271"/>
      <c r="AH28" s="271"/>
      <c r="AI28" s="271"/>
      <c r="AJ28" s="271"/>
      <c r="AK28" s="271"/>
      <c r="AL28" s="271"/>
      <c r="AM28" s="271"/>
      <c r="AN28" s="271"/>
      <c r="AO28" s="271"/>
      <c r="AP28" s="271"/>
      <c r="AQ28" s="271"/>
      <c r="AR28" s="272"/>
    </row>
    <row r="29" spans="1:44" s="186" customFormat="1" ht="13.5" customHeight="1">
      <c r="A29" s="261"/>
      <c r="B29" s="262"/>
      <c r="C29" s="262"/>
      <c r="D29" s="262"/>
      <c r="E29" s="262"/>
      <c r="F29" s="262"/>
      <c r="G29" s="262"/>
      <c r="H29" s="262"/>
      <c r="I29" s="262"/>
      <c r="J29" s="262"/>
      <c r="K29" s="262"/>
      <c r="L29" s="262"/>
      <c r="M29" s="262"/>
      <c r="N29" s="262"/>
      <c r="O29" s="262"/>
      <c r="P29" s="262"/>
      <c r="Q29" s="262"/>
      <c r="R29" s="262"/>
      <c r="S29" s="262"/>
      <c r="T29" s="262"/>
      <c r="U29" s="262"/>
      <c r="V29" s="263"/>
      <c r="W29" s="270"/>
      <c r="X29" s="271"/>
      <c r="Y29" s="271"/>
      <c r="Z29" s="271"/>
      <c r="AA29" s="271"/>
      <c r="AB29" s="271"/>
      <c r="AC29" s="271"/>
      <c r="AD29" s="271"/>
      <c r="AE29" s="271"/>
      <c r="AF29" s="271"/>
      <c r="AG29" s="271"/>
      <c r="AH29" s="271"/>
      <c r="AI29" s="271"/>
      <c r="AJ29" s="271"/>
      <c r="AK29" s="271"/>
      <c r="AL29" s="271"/>
      <c r="AM29" s="271"/>
      <c r="AN29" s="271"/>
      <c r="AO29" s="271"/>
      <c r="AP29" s="271"/>
      <c r="AQ29" s="271"/>
      <c r="AR29" s="272"/>
    </row>
    <row r="30" spans="1:44" s="186" customFormat="1">
      <c r="A30" s="261"/>
      <c r="B30" s="262"/>
      <c r="C30" s="262"/>
      <c r="D30" s="262"/>
      <c r="E30" s="262"/>
      <c r="F30" s="262"/>
      <c r="G30" s="262"/>
      <c r="H30" s="262"/>
      <c r="I30" s="262"/>
      <c r="J30" s="262"/>
      <c r="K30" s="262"/>
      <c r="L30" s="262"/>
      <c r="M30" s="262"/>
      <c r="N30" s="262"/>
      <c r="O30" s="262"/>
      <c r="P30" s="262"/>
      <c r="Q30" s="262"/>
      <c r="R30" s="262"/>
      <c r="S30" s="262"/>
      <c r="T30" s="262"/>
      <c r="U30" s="262"/>
      <c r="V30" s="263"/>
      <c r="W30" s="270"/>
      <c r="X30" s="271"/>
      <c r="Y30" s="271"/>
      <c r="Z30" s="271"/>
      <c r="AA30" s="271"/>
      <c r="AB30" s="271"/>
      <c r="AC30" s="271"/>
      <c r="AD30" s="271"/>
      <c r="AE30" s="271"/>
      <c r="AF30" s="271"/>
      <c r="AG30" s="271"/>
      <c r="AH30" s="271"/>
      <c r="AI30" s="271"/>
      <c r="AJ30" s="271"/>
      <c r="AK30" s="271"/>
      <c r="AL30" s="271"/>
      <c r="AM30" s="271"/>
      <c r="AN30" s="271"/>
      <c r="AO30" s="271"/>
      <c r="AP30" s="271"/>
      <c r="AQ30" s="271"/>
      <c r="AR30" s="272"/>
    </row>
    <row r="31" spans="1:44" s="186" customFormat="1">
      <c r="A31" s="261"/>
      <c r="B31" s="262"/>
      <c r="C31" s="262"/>
      <c r="D31" s="262"/>
      <c r="E31" s="262"/>
      <c r="F31" s="262"/>
      <c r="G31" s="262"/>
      <c r="H31" s="262"/>
      <c r="I31" s="262"/>
      <c r="J31" s="262"/>
      <c r="K31" s="262"/>
      <c r="L31" s="262"/>
      <c r="M31" s="262"/>
      <c r="N31" s="262"/>
      <c r="O31" s="262"/>
      <c r="P31" s="262"/>
      <c r="Q31" s="262"/>
      <c r="R31" s="262"/>
      <c r="S31" s="262"/>
      <c r="T31" s="262"/>
      <c r="U31" s="262"/>
      <c r="V31" s="263"/>
      <c r="W31" s="270"/>
      <c r="X31" s="271"/>
      <c r="Y31" s="271"/>
      <c r="Z31" s="271"/>
      <c r="AA31" s="271"/>
      <c r="AB31" s="271"/>
      <c r="AC31" s="271"/>
      <c r="AD31" s="271"/>
      <c r="AE31" s="271"/>
      <c r="AF31" s="271"/>
      <c r="AG31" s="271"/>
      <c r="AH31" s="271"/>
      <c r="AI31" s="271"/>
      <c r="AJ31" s="271"/>
      <c r="AK31" s="271"/>
      <c r="AL31" s="271"/>
      <c r="AM31" s="271"/>
      <c r="AN31" s="271"/>
      <c r="AO31" s="271"/>
      <c r="AP31" s="271"/>
      <c r="AQ31" s="271"/>
      <c r="AR31" s="272"/>
    </row>
    <row r="32" spans="1:44" s="186" customFormat="1">
      <c r="A32" s="264"/>
      <c r="B32" s="265"/>
      <c r="C32" s="265"/>
      <c r="D32" s="265"/>
      <c r="E32" s="265"/>
      <c r="F32" s="265"/>
      <c r="G32" s="265"/>
      <c r="H32" s="265"/>
      <c r="I32" s="265"/>
      <c r="J32" s="265"/>
      <c r="K32" s="265"/>
      <c r="L32" s="265"/>
      <c r="M32" s="265"/>
      <c r="N32" s="265"/>
      <c r="O32" s="265"/>
      <c r="P32" s="265"/>
      <c r="Q32" s="265"/>
      <c r="R32" s="265"/>
      <c r="S32" s="265"/>
      <c r="T32" s="265"/>
      <c r="U32" s="265"/>
      <c r="V32" s="266"/>
      <c r="W32" s="273"/>
      <c r="X32" s="274"/>
      <c r="Y32" s="274"/>
      <c r="Z32" s="274"/>
      <c r="AA32" s="274"/>
      <c r="AB32" s="274"/>
      <c r="AC32" s="274"/>
      <c r="AD32" s="274"/>
      <c r="AE32" s="274"/>
      <c r="AF32" s="274"/>
      <c r="AG32" s="274"/>
      <c r="AH32" s="274"/>
      <c r="AI32" s="274"/>
      <c r="AJ32" s="274"/>
      <c r="AK32" s="274"/>
      <c r="AL32" s="274"/>
      <c r="AM32" s="274"/>
      <c r="AN32" s="274"/>
      <c r="AO32" s="274"/>
      <c r="AP32" s="274"/>
      <c r="AQ32" s="274"/>
      <c r="AR32" s="275"/>
    </row>
    <row r="33" spans="1:44" s="186" customFormat="1" ht="23.25" customHeight="1">
      <c r="A33" s="186" t="s">
        <v>102</v>
      </c>
      <c r="G33" s="189"/>
      <c r="H33" s="199"/>
      <c r="I33" s="199"/>
      <c r="J33" s="199"/>
      <c r="K33" s="199"/>
      <c r="L33" s="199"/>
      <c r="M33" s="199"/>
      <c r="N33" s="199"/>
      <c r="O33" s="199"/>
      <c r="P33" s="189"/>
      <c r="Q33" s="189"/>
      <c r="R33" s="189"/>
      <c r="S33" s="189"/>
      <c r="T33" s="189"/>
      <c r="U33" s="189"/>
      <c r="V33" s="189"/>
      <c r="W33" s="189"/>
      <c r="AF33" s="189"/>
      <c r="AG33" s="189"/>
      <c r="AH33" s="189"/>
      <c r="AJ33" s="189"/>
      <c r="AK33" s="189"/>
      <c r="AL33" s="189"/>
      <c r="AM33" s="189"/>
      <c r="AN33" s="189"/>
      <c r="AO33" s="189"/>
      <c r="AP33" s="189"/>
      <c r="AQ33" s="189"/>
      <c r="AR33" s="198" t="s">
        <v>13</v>
      </c>
    </row>
  </sheetData>
  <mergeCells count="35">
    <mergeCell ref="AG10:AH11"/>
    <mergeCell ref="AI10:AR11"/>
    <mergeCell ref="A15:V16"/>
    <mergeCell ref="W15:AR16"/>
    <mergeCell ref="A17:V32"/>
    <mergeCell ref="W17:AR32"/>
    <mergeCell ref="A12:H14"/>
    <mergeCell ref="AG12:AH14"/>
    <mergeCell ref="AI12:AL14"/>
    <mergeCell ref="AM12:AN14"/>
    <mergeCell ref="AO12:AR14"/>
    <mergeCell ref="O13:X13"/>
    <mergeCell ref="A3:H5"/>
    <mergeCell ref="I3:AF5"/>
    <mergeCell ref="AG3:AH4"/>
    <mergeCell ref="AI3:AR4"/>
    <mergeCell ref="AG5:AH7"/>
    <mergeCell ref="AI5:AJ7"/>
    <mergeCell ref="AK5:AL7"/>
    <mergeCell ref="AM5:AN7"/>
    <mergeCell ref="AO5:AP7"/>
    <mergeCell ref="AQ5:AR7"/>
    <mergeCell ref="A6:H8"/>
    <mergeCell ref="I6:AF8"/>
    <mergeCell ref="AG8:AH9"/>
    <mergeCell ref="AI8:AR9"/>
    <mergeCell ref="A9:H11"/>
    <mergeCell ref="O10:X10"/>
    <mergeCell ref="AG1:AR2"/>
    <mergeCell ref="I2:M2"/>
    <mergeCell ref="A1:C2"/>
    <mergeCell ref="D1:E2"/>
    <mergeCell ref="F1:H2"/>
    <mergeCell ref="I1:M1"/>
    <mergeCell ref="N1:AF2"/>
  </mergeCells>
  <phoneticPr fontId="6"/>
  <pageMargins left="0.59055118110236227" right="0.59055118110236227" top="0.78740157480314965" bottom="0.39370078740157483" header="0.31496062992125984" footer="0.31496062992125984"/>
  <pageSetup paperSize="9" scale="96" orientation="landscape" horizontalDpi="4294967294" verticalDpi="1200" r:id="rId1"/>
  <colBreaks count="1" manualBreakCount="1">
    <brk id="44"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enableFormatConditionsCalculation="0">
    <tabColor indexed="14"/>
    <pageSetUpPr fitToPage="1"/>
  </sheetPr>
  <dimension ref="A1:K84"/>
  <sheetViews>
    <sheetView showGridLines="0" showZeros="0" zoomScale="115" zoomScaleNormal="115" zoomScaleSheetLayoutView="100" workbookViewId="0">
      <selection activeCell="C6" sqref="C6"/>
    </sheetView>
  </sheetViews>
  <sheetFormatPr defaultColWidth="10.28515625" defaultRowHeight="13.5"/>
  <cols>
    <col min="1" max="1" width="9.85546875" style="84" customWidth="1"/>
    <col min="2" max="2" width="12.140625" style="84" customWidth="1"/>
    <col min="3" max="3" width="16.7109375" style="84" customWidth="1"/>
    <col min="4" max="4" width="14.42578125" style="84" customWidth="1"/>
    <col min="5" max="5" width="7.5703125" style="85" customWidth="1"/>
    <col min="6" max="6" width="8.7109375" style="86" customWidth="1"/>
    <col min="7" max="7" width="10.42578125" style="84" bestFit="1" customWidth="1"/>
    <col min="8" max="8" width="12.140625" style="87" customWidth="1"/>
    <col min="9" max="9" width="17.85546875" style="84" customWidth="1"/>
    <col min="10" max="10" width="14.5703125" style="84" bestFit="1" customWidth="1"/>
    <col min="11" max="16384" width="10.28515625" style="84"/>
  </cols>
  <sheetData>
    <row r="1" spans="1:9" ht="9.6" customHeight="1"/>
    <row r="2" spans="1:9" ht="9.6" customHeight="1">
      <c r="A2" s="28" t="s">
        <v>12</v>
      </c>
      <c r="B2" s="28" t="s">
        <v>106</v>
      </c>
    </row>
    <row r="3" spans="1:9" ht="9.6" customHeight="1">
      <c r="A3" s="28" t="s">
        <v>16</v>
      </c>
      <c r="B3" s="28" t="s">
        <v>107</v>
      </c>
    </row>
    <row r="4" spans="1:9" s="5" customFormat="1" ht="26.1" customHeight="1">
      <c r="A4" s="1" t="s">
        <v>0</v>
      </c>
      <c r="B4" s="2" t="s">
        <v>1</v>
      </c>
      <c r="C4" s="2" t="s">
        <v>2</v>
      </c>
      <c r="D4" s="2" t="s">
        <v>3</v>
      </c>
      <c r="E4" s="2" t="s">
        <v>4</v>
      </c>
      <c r="F4" s="2" t="s">
        <v>5</v>
      </c>
      <c r="G4" s="2" t="s">
        <v>6</v>
      </c>
      <c r="H4" s="3" t="s">
        <v>7</v>
      </c>
      <c r="I4" s="4" t="s">
        <v>8</v>
      </c>
    </row>
    <row r="5" spans="1:9" s="13" customFormat="1" ht="9.4" customHeight="1">
      <c r="A5" s="6"/>
      <c r="B5" s="7"/>
      <c r="C5" s="7"/>
      <c r="D5" s="7"/>
      <c r="E5" s="8"/>
      <c r="F5" s="9"/>
      <c r="G5" s="10"/>
      <c r="H5" s="11"/>
      <c r="I5" s="12"/>
    </row>
    <row r="6" spans="1:9" s="13" customFormat="1" ht="9.4" customHeight="1">
      <c r="A6" s="14"/>
      <c r="B6" s="15"/>
      <c r="C6" s="15"/>
      <c r="D6" s="15"/>
      <c r="E6" s="16"/>
      <c r="F6" s="17"/>
      <c r="G6" s="18"/>
      <c r="H6" s="19"/>
      <c r="I6" s="20"/>
    </row>
    <row r="7" spans="1:9" s="28" customFormat="1" ht="9.4" customHeight="1">
      <c r="A7" s="21"/>
      <c r="B7" s="22"/>
      <c r="C7" s="22"/>
      <c r="D7" s="22"/>
      <c r="E7" s="23"/>
      <c r="F7" s="24"/>
      <c r="G7" s="25"/>
      <c r="H7" s="26"/>
      <c r="I7" s="27"/>
    </row>
    <row r="8" spans="1:9" s="13" customFormat="1" ht="9.4" customHeight="1">
      <c r="A8" s="29"/>
      <c r="B8" s="7"/>
      <c r="C8" s="7"/>
      <c r="D8" s="7"/>
      <c r="E8" s="8"/>
      <c r="F8" s="9"/>
      <c r="G8" s="10"/>
      <c r="H8" s="11"/>
      <c r="I8" s="12"/>
    </row>
    <row r="9" spans="1:9" s="13" customFormat="1" ht="9.4" customHeight="1">
      <c r="A9" s="30"/>
      <c r="B9" s="15"/>
      <c r="C9" s="15"/>
      <c r="D9" s="15"/>
      <c r="E9" s="16"/>
      <c r="F9" s="17"/>
      <c r="G9" s="18"/>
      <c r="H9" s="19"/>
      <c r="I9" s="20"/>
    </row>
    <row r="10" spans="1:9" s="28" customFormat="1" ht="9.4" customHeight="1">
      <c r="A10" s="31"/>
      <c r="B10" s="22" t="s">
        <v>17</v>
      </c>
      <c r="C10" s="22"/>
      <c r="D10" s="22"/>
      <c r="E10" s="23" t="s">
        <v>15</v>
      </c>
      <c r="F10" s="24">
        <v>1</v>
      </c>
      <c r="G10" s="32"/>
      <c r="H10" s="33"/>
      <c r="I10" s="34" t="s">
        <v>63</v>
      </c>
    </row>
    <row r="11" spans="1:9" s="28" customFormat="1" ht="9.4" customHeight="1">
      <c r="A11" s="6"/>
      <c r="B11" s="7"/>
      <c r="C11" s="7"/>
      <c r="D11" s="7"/>
      <c r="E11" s="8"/>
      <c r="F11" s="9"/>
      <c r="G11" s="10"/>
      <c r="H11" s="180"/>
      <c r="I11" s="12"/>
    </row>
    <row r="12" spans="1:9" s="28" customFormat="1" ht="9.4" customHeight="1">
      <c r="A12" s="14"/>
      <c r="B12" s="15"/>
      <c r="C12" s="15"/>
      <c r="D12" s="15"/>
      <c r="E12" s="16"/>
      <c r="F12" s="17"/>
      <c r="G12" s="18"/>
      <c r="H12" s="181"/>
      <c r="I12" s="20"/>
    </row>
    <row r="13" spans="1:9" s="28" customFormat="1" ht="9.4" customHeight="1">
      <c r="A13" s="31"/>
      <c r="B13" s="22" t="s">
        <v>60</v>
      </c>
      <c r="C13" s="22"/>
      <c r="D13" s="22"/>
      <c r="E13" s="23" t="s">
        <v>15</v>
      </c>
      <c r="F13" s="24">
        <v>1</v>
      </c>
      <c r="G13" s="25"/>
      <c r="H13" s="33"/>
      <c r="I13" s="34" t="s">
        <v>64</v>
      </c>
    </row>
    <row r="14" spans="1:9" s="28" customFormat="1" ht="9.4" customHeight="1">
      <c r="A14" s="6"/>
      <c r="B14" s="7"/>
      <c r="C14" s="7"/>
      <c r="D14" s="7"/>
      <c r="E14" s="8"/>
      <c r="F14" s="9"/>
      <c r="G14" s="10"/>
      <c r="H14" s="11"/>
      <c r="I14" s="12"/>
    </row>
    <row r="15" spans="1:9" s="28" customFormat="1" ht="9.4" customHeight="1">
      <c r="A15" s="14"/>
      <c r="B15" s="15"/>
      <c r="C15" s="15"/>
      <c r="D15" s="15"/>
      <c r="E15" s="16"/>
      <c r="F15" s="17"/>
      <c r="G15" s="18"/>
      <c r="H15" s="19"/>
      <c r="I15" s="20"/>
    </row>
    <row r="16" spans="1:9" s="28" customFormat="1" ht="9.4" customHeight="1">
      <c r="A16" s="31"/>
      <c r="B16" s="22" t="s">
        <v>78</v>
      </c>
      <c r="C16" s="22"/>
      <c r="D16" s="22"/>
      <c r="E16" s="23"/>
      <c r="F16" s="24"/>
      <c r="G16" s="25"/>
      <c r="H16" s="88"/>
      <c r="I16" s="89"/>
    </row>
    <row r="17" spans="1:11" s="13" customFormat="1" ht="9.4" customHeight="1">
      <c r="A17" s="6"/>
      <c r="B17" s="7"/>
      <c r="C17" s="7"/>
      <c r="D17" s="7"/>
      <c r="E17" s="8"/>
      <c r="F17" s="9"/>
      <c r="G17" s="10"/>
      <c r="H17" s="180"/>
      <c r="I17" s="12"/>
      <c r="J17" s="28"/>
      <c r="K17" s="28"/>
    </row>
    <row r="18" spans="1:11" s="13" customFormat="1" ht="9.4" customHeight="1">
      <c r="A18" s="14"/>
      <c r="B18" s="15"/>
      <c r="C18" s="15"/>
      <c r="D18" s="15"/>
      <c r="E18" s="16"/>
      <c r="F18" s="17"/>
      <c r="G18" s="18"/>
      <c r="H18" s="181"/>
      <c r="I18" s="20"/>
      <c r="J18" s="28"/>
      <c r="K18" s="28"/>
    </row>
    <row r="19" spans="1:11" s="28" customFormat="1" ht="9.4" customHeight="1">
      <c r="A19" s="21"/>
      <c r="B19" s="22" t="s">
        <v>65</v>
      </c>
      <c r="C19" s="22"/>
      <c r="D19" s="22"/>
      <c r="E19" s="23" t="s">
        <v>15</v>
      </c>
      <c r="F19" s="24">
        <v>1</v>
      </c>
      <c r="G19" s="25"/>
      <c r="H19" s="36"/>
      <c r="I19" s="160"/>
      <c r="J19" s="182"/>
    </row>
    <row r="20" spans="1:11" s="13" customFormat="1" ht="9.4" customHeight="1">
      <c r="A20" s="6"/>
      <c r="B20" s="7"/>
      <c r="C20" s="7"/>
      <c r="D20" s="7"/>
      <c r="E20" s="8"/>
      <c r="F20" s="9"/>
      <c r="G20" s="10"/>
      <c r="H20" s="11"/>
      <c r="I20" s="12"/>
    </row>
    <row r="21" spans="1:11" s="13" customFormat="1" ht="9.4" customHeight="1">
      <c r="A21" s="14"/>
      <c r="B21" s="15"/>
      <c r="C21" s="15" t="s">
        <v>67</v>
      </c>
      <c r="D21" s="15"/>
      <c r="E21" s="16"/>
      <c r="F21" s="17"/>
      <c r="G21" s="18"/>
      <c r="H21" s="19"/>
      <c r="I21" s="20"/>
    </row>
    <row r="22" spans="1:11" s="28" customFormat="1" ht="9.4" customHeight="1">
      <c r="A22" s="31"/>
      <c r="B22" s="22" t="s">
        <v>66</v>
      </c>
      <c r="C22" s="22" t="s">
        <v>65</v>
      </c>
      <c r="D22" s="22"/>
      <c r="E22" s="23"/>
      <c r="F22" s="24"/>
      <c r="G22" s="25"/>
      <c r="H22" s="26"/>
      <c r="I22" s="160"/>
      <c r="J22" s="183"/>
    </row>
    <row r="23" spans="1:11" s="28" customFormat="1" ht="9.4" customHeight="1">
      <c r="A23" s="35"/>
      <c r="B23" s="7"/>
      <c r="C23" s="7"/>
      <c r="D23" s="7"/>
      <c r="E23" s="8"/>
      <c r="F23" s="9"/>
      <c r="G23" s="10"/>
      <c r="H23" s="11"/>
      <c r="I23" s="12"/>
      <c r="J23" s="13"/>
      <c r="K23" s="13"/>
    </row>
    <row r="24" spans="1:11" s="28" customFormat="1" ht="9.4" customHeight="1">
      <c r="A24" s="35"/>
      <c r="B24" s="15"/>
      <c r="C24" s="15"/>
      <c r="D24" s="15"/>
      <c r="E24" s="16"/>
      <c r="F24" s="17"/>
      <c r="G24" s="18"/>
      <c r="H24" s="19"/>
      <c r="I24" s="20"/>
      <c r="J24" s="13"/>
      <c r="K24" s="13"/>
    </row>
    <row r="25" spans="1:11" s="28" customFormat="1" ht="9.4" customHeight="1">
      <c r="A25" s="35"/>
      <c r="B25" s="22" t="s">
        <v>76</v>
      </c>
      <c r="C25" s="22"/>
      <c r="D25" s="22"/>
      <c r="E25" s="23" t="s">
        <v>15</v>
      </c>
      <c r="F25" s="24">
        <v>1</v>
      </c>
      <c r="G25" s="25"/>
      <c r="H25" s="36"/>
      <c r="I25" s="202"/>
      <c r="J25" s="182"/>
      <c r="K25" s="185"/>
    </row>
    <row r="26" spans="1:11" s="13" customFormat="1" ht="9.4" customHeight="1">
      <c r="A26" s="6"/>
      <c r="B26" s="7"/>
      <c r="C26" s="7"/>
      <c r="D26" s="7"/>
      <c r="E26" s="8"/>
      <c r="F26" s="9"/>
      <c r="G26" s="10"/>
      <c r="H26" s="11"/>
      <c r="I26" s="12"/>
      <c r="J26" s="28"/>
      <c r="K26" s="28"/>
    </row>
    <row r="27" spans="1:11" s="13" customFormat="1" ht="9.4" customHeight="1">
      <c r="A27" s="14"/>
      <c r="B27" s="15"/>
      <c r="C27" s="15"/>
      <c r="D27" s="15"/>
      <c r="E27" s="16"/>
      <c r="F27" s="17"/>
      <c r="G27" s="18"/>
      <c r="H27" s="19"/>
      <c r="I27" s="20"/>
      <c r="J27" s="28"/>
      <c r="K27" s="28"/>
    </row>
    <row r="28" spans="1:11" s="28" customFormat="1" ht="9.4" customHeight="1">
      <c r="A28" s="31"/>
      <c r="B28" s="22" t="s">
        <v>18</v>
      </c>
      <c r="C28" s="22"/>
      <c r="D28" s="22"/>
      <c r="E28" s="23"/>
      <c r="F28" s="24"/>
      <c r="G28" s="25"/>
      <c r="H28" s="36"/>
      <c r="I28" s="34"/>
      <c r="J28" s="184"/>
    </row>
    <row r="29" spans="1:11" s="13" customFormat="1" ht="9.4" customHeight="1">
      <c r="A29" s="6"/>
      <c r="B29" s="7"/>
      <c r="C29" s="7"/>
      <c r="D29" s="7"/>
      <c r="E29" s="8"/>
      <c r="F29" s="9"/>
      <c r="G29" s="10"/>
      <c r="H29" s="11"/>
      <c r="I29" s="12"/>
    </row>
    <row r="30" spans="1:11" s="13" customFormat="1" ht="9.4" customHeight="1">
      <c r="A30" s="14"/>
      <c r="B30" s="15"/>
      <c r="C30" s="15"/>
      <c r="D30" s="15"/>
      <c r="E30" s="16"/>
      <c r="F30" s="17"/>
      <c r="G30" s="18"/>
      <c r="H30" s="19"/>
      <c r="I30" s="20"/>
    </row>
    <row r="31" spans="1:11" s="28" customFormat="1" ht="9.4" customHeight="1">
      <c r="A31" s="31"/>
      <c r="B31" s="22"/>
      <c r="C31" s="22"/>
      <c r="D31" s="22"/>
      <c r="E31" s="23"/>
      <c r="F31" s="24"/>
      <c r="G31" s="25"/>
      <c r="H31" s="26"/>
      <c r="I31" s="34"/>
    </row>
    <row r="32" spans="1:11" s="13" customFormat="1" ht="9.4" customHeight="1">
      <c r="A32" s="6"/>
      <c r="B32" s="7"/>
      <c r="C32" s="7"/>
      <c r="D32" s="7"/>
      <c r="E32" s="8"/>
      <c r="F32" s="9"/>
      <c r="G32" s="10"/>
      <c r="H32" s="11"/>
      <c r="I32" s="12"/>
    </row>
    <row r="33" spans="1:9" s="13" customFormat="1" ht="9.4" customHeight="1">
      <c r="A33" s="14"/>
      <c r="B33" s="15"/>
      <c r="C33" s="15"/>
      <c r="D33" s="15"/>
      <c r="E33" s="16"/>
      <c r="F33" s="17"/>
      <c r="G33" s="18"/>
      <c r="H33" s="19"/>
      <c r="I33" s="20"/>
    </row>
    <row r="34" spans="1:9" s="28" customFormat="1" ht="9.4" customHeight="1">
      <c r="A34" s="31"/>
      <c r="B34" s="22"/>
      <c r="C34" s="22"/>
      <c r="D34" s="22"/>
      <c r="E34" s="23"/>
      <c r="F34" s="24"/>
      <c r="G34" s="25"/>
      <c r="H34" s="88"/>
      <c r="I34" s="89"/>
    </row>
    <row r="35" spans="1:9" s="13" customFormat="1" ht="9.4" customHeight="1">
      <c r="A35" s="6"/>
      <c r="B35" s="7"/>
      <c r="C35" s="7"/>
      <c r="D35" s="7"/>
      <c r="E35" s="8"/>
      <c r="F35" s="9"/>
      <c r="G35" s="10"/>
      <c r="H35" s="11"/>
      <c r="I35" s="12"/>
    </row>
    <row r="36" spans="1:9" s="13" customFormat="1" ht="9.4" customHeight="1">
      <c r="A36" s="14"/>
      <c r="B36" s="15"/>
      <c r="C36" s="15"/>
      <c r="D36" s="15"/>
      <c r="E36" s="16"/>
      <c r="F36" s="17"/>
      <c r="G36" s="18"/>
      <c r="H36" s="19"/>
      <c r="I36" s="20"/>
    </row>
    <row r="37" spans="1:9" s="28" customFormat="1" ht="9.4" customHeight="1">
      <c r="A37" s="31"/>
      <c r="B37" s="22"/>
      <c r="C37" s="22"/>
      <c r="D37" s="22"/>
      <c r="E37" s="23"/>
      <c r="F37" s="24"/>
      <c r="G37" s="25"/>
      <c r="H37" s="88"/>
      <c r="I37" s="89"/>
    </row>
    <row r="38" spans="1:9" s="13" customFormat="1" ht="9.4" customHeight="1">
      <c r="A38" s="6"/>
      <c r="B38" s="7"/>
      <c r="C38" s="7"/>
      <c r="D38" s="7"/>
      <c r="E38" s="8"/>
      <c r="F38" s="9"/>
      <c r="G38" s="10"/>
      <c r="H38" s="11"/>
      <c r="I38" s="12"/>
    </row>
    <row r="39" spans="1:9" s="13" customFormat="1" ht="9.4" customHeight="1">
      <c r="A39" s="14"/>
      <c r="B39" s="15"/>
      <c r="C39" s="15"/>
      <c r="D39" s="15"/>
      <c r="E39" s="16"/>
      <c r="F39" s="17"/>
      <c r="G39" s="18"/>
      <c r="H39" s="19"/>
      <c r="I39" s="20"/>
    </row>
    <row r="40" spans="1:9" s="28" customFormat="1" ht="9.4" customHeight="1">
      <c r="A40" s="31"/>
      <c r="B40" s="22"/>
      <c r="C40" s="22"/>
      <c r="D40" s="22"/>
      <c r="E40" s="23"/>
      <c r="F40" s="24"/>
      <c r="G40" s="25"/>
      <c r="H40" s="26"/>
      <c r="I40" s="27"/>
    </row>
    <row r="41" spans="1:9" s="13" customFormat="1" ht="9.4" customHeight="1">
      <c r="A41" s="6"/>
      <c r="B41" s="7"/>
      <c r="C41" s="7"/>
      <c r="D41" s="7"/>
      <c r="E41" s="8"/>
      <c r="F41" s="9"/>
      <c r="G41" s="10"/>
      <c r="H41" s="11"/>
      <c r="I41" s="12"/>
    </row>
    <row r="42" spans="1:9" s="13" customFormat="1" ht="9.4" customHeight="1">
      <c r="A42" s="14"/>
      <c r="B42" s="15"/>
      <c r="C42" s="15"/>
      <c r="D42" s="15"/>
      <c r="E42" s="16"/>
      <c r="F42" s="17"/>
      <c r="G42" s="18"/>
      <c r="H42" s="19"/>
      <c r="I42" s="20"/>
    </row>
    <row r="43" spans="1:9" s="28" customFormat="1" ht="9.4" customHeight="1">
      <c r="A43" s="31"/>
      <c r="B43" s="22"/>
      <c r="C43" s="22"/>
      <c r="D43" s="22"/>
      <c r="E43" s="23"/>
      <c r="F43" s="24"/>
      <c r="G43" s="25"/>
      <c r="H43" s="26"/>
      <c r="I43" s="27"/>
    </row>
    <row r="44" spans="1:9" s="5" customFormat="1" ht="26.1" customHeight="1">
      <c r="A44" s="37"/>
      <c r="B44" s="38"/>
      <c r="C44" s="38" t="s">
        <v>9</v>
      </c>
      <c r="D44" s="38"/>
      <c r="E44" s="39"/>
      <c r="F44" s="40"/>
      <c r="G44" s="38" t="s">
        <v>14</v>
      </c>
      <c r="H44" s="41"/>
      <c r="I44" s="42"/>
    </row>
    <row r="45" spans="1:9" s="13" customFormat="1" ht="26.1" customHeight="1">
      <c r="A45" s="1" t="s">
        <v>0</v>
      </c>
      <c r="B45" s="2" t="s">
        <v>1</v>
      </c>
      <c r="C45" s="2" t="s">
        <v>2</v>
      </c>
      <c r="D45" s="2" t="s">
        <v>3</v>
      </c>
      <c r="E45" s="2" t="s">
        <v>4</v>
      </c>
      <c r="F45" s="2" t="s">
        <v>5</v>
      </c>
      <c r="G45" s="2" t="s">
        <v>6</v>
      </c>
      <c r="H45" s="3" t="s">
        <v>7</v>
      </c>
      <c r="I45" s="4" t="s">
        <v>8</v>
      </c>
    </row>
    <row r="46" spans="1:9" s="13" customFormat="1" ht="9.4" customHeight="1">
      <c r="A46" s="6"/>
      <c r="B46" s="7"/>
      <c r="C46" s="7"/>
      <c r="D46" s="7"/>
      <c r="E46" s="8"/>
      <c r="F46" s="9"/>
      <c r="G46" s="10"/>
      <c r="H46" s="11"/>
      <c r="I46" s="12"/>
    </row>
    <row r="47" spans="1:9" s="13" customFormat="1" ht="9.4" customHeight="1">
      <c r="A47" s="14"/>
      <c r="B47" s="15"/>
      <c r="C47" s="15"/>
      <c r="D47" s="15"/>
      <c r="E47" s="16"/>
      <c r="F47" s="17"/>
      <c r="G47" s="18"/>
      <c r="H47" s="19"/>
      <c r="I47" s="20"/>
    </row>
    <row r="48" spans="1:9" s="28" customFormat="1" ht="9.4" customHeight="1">
      <c r="A48" s="31"/>
      <c r="B48" s="22"/>
      <c r="C48" s="22"/>
      <c r="D48" s="22"/>
      <c r="E48" s="23"/>
      <c r="F48" s="24"/>
      <c r="G48" s="25"/>
      <c r="H48" s="26"/>
      <c r="I48" s="34"/>
    </row>
    <row r="49" spans="1:9" s="13" customFormat="1" ht="9.4" customHeight="1">
      <c r="A49" s="29"/>
      <c r="B49" s="7"/>
      <c r="C49" s="7"/>
      <c r="D49" s="7"/>
      <c r="E49" s="8"/>
      <c r="F49" s="9"/>
      <c r="G49" s="10"/>
      <c r="H49" s="11"/>
      <c r="I49" s="12"/>
    </row>
    <row r="50" spans="1:9" s="28" customFormat="1" ht="9.4" customHeight="1">
      <c r="A50" s="30"/>
      <c r="B50" s="15"/>
      <c r="C50" s="15"/>
      <c r="D50" s="15"/>
      <c r="E50" s="16"/>
      <c r="F50" s="17"/>
      <c r="G50" s="18"/>
      <c r="H50" s="19"/>
      <c r="I50" s="20"/>
    </row>
    <row r="51" spans="1:9" s="13" customFormat="1" ht="9.4" customHeight="1">
      <c r="A51" s="31"/>
      <c r="B51" s="22"/>
      <c r="C51" s="22"/>
      <c r="D51" s="22"/>
      <c r="E51" s="23"/>
      <c r="F51" s="24"/>
      <c r="G51" s="25"/>
      <c r="H51" s="26"/>
      <c r="I51" s="34"/>
    </row>
    <row r="52" spans="1:9" s="13" customFormat="1" ht="9.4" customHeight="1">
      <c r="A52" s="6"/>
      <c r="B52" s="7"/>
      <c r="C52" s="7"/>
      <c r="D52" s="7"/>
      <c r="E52" s="8"/>
      <c r="F52" s="9"/>
      <c r="G52" s="10"/>
      <c r="H52" s="11"/>
      <c r="I52" s="12"/>
    </row>
    <row r="53" spans="1:9" s="28" customFormat="1" ht="9.4" customHeight="1">
      <c r="A53" s="14"/>
      <c r="B53" s="15"/>
      <c r="C53" s="15"/>
      <c r="D53" s="15"/>
      <c r="E53" s="16"/>
      <c r="F53" s="17"/>
      <c r="G53" s="18"/>
      <c r="H53" s="19"/>
      <c r="I53" s="20"/>
    </row>
    <row r="54" spans="1:9" s="13" customFormat="1" ht="9.4" customHeight="1">
      <c r="A54" s="31"/>
      <c r="B54" s="22"/>
      <c r="C54" s="22"/>
      <c r="D54" s="22"/>
      <c r="E54" s="23"/>
      <c r="F54" s="24"/>
      <c r="G54" s="25"/>
      <c r="H54" s="36"/>
      <c r="I54" s="27"/>
    </row>
    <row r="55" spans="1:9" s="13" customFormat="1" ht="9.4" customHeight="1">
      <c r="A55" s="6"/>
      <c r="B55" s="7"/>
      <c r="C55" s="7"/>
      <c r="D55" s="7"/>
      <c r="E55" s="8"/>
      <c r="F55" s="9"/>
      <c r="G55" s="10"/>
      <c r="H55" s="11"/>
      <c r="I55" s="12"/>
    </row>
    <row r="56" spans="1:9" s="28" customFormat="1" ht="9.4" customHeight="1">
      <c r="A56" s="14"/>
      <c r="B56" s="15"/>
      <c r="C56" s="15"/>
      <c r="D56" s="15"/>
      <c r="E56" s="16"/>
      <c r="F56" s="17"/>
      <c r="G56" s="18"/>
      <c r="H56" s="19"/>
      <c r="I56" s="20"/>
    </row>
    <row r="57" spans="1:9" s="13" customFormat="1" ht="9.4" customHeight="1">
      <c r="A57" s="31"/>
      <c r="B57" s="22"/>
      <c r="C57" s="22"/>
      <c r="D57" s="22"/>
      <c r="E57" s="23"/>
      <c r="F57" s="24"/>
      <c r="G57" s="25"/>
      <c r="H57" s="36"/>
      <c r="I57" s="27"/>
    </row>
    <row r="58" spans="1:9" s="13" customFormat="1" ht="9.4" customHeight="1">
      <c r="A58" s="6"/>
      <c r="B58" s="7"/>
      <c r="C58" s="7"/>
      <c r="D58" s="7"/>
      <c r="E58" s="8"/>
      <c r="F58" s="43"/>
      <c r="G58" s="44"/>
      <c r="H58" s="45"/>
      <c r="I58" s="12"/>
    </row>
    <row r="59" spans="1:9" s="28" customFormat="1" ht="9.4" customHeight="1">
      <c r="A59" s="14"/>
      <c r="B59" s="15"/>
      <c r="C59" s="46"/>
      <c r="D59" s="15"/>
      <c r="E59" s="16"/>
      <c r="F59" s="43"/>
      <c r="G59" s="44"/>
      <c r="H59" s="19"/>
      <c r="I59" s="47"/>
    </row>
    <row r="60" spans="1:9" s="13" customFormat="1" ht="9.4" customHeight="1">
      <c r="A60" s="21"/>
      <c r="B60" s="22"/>
      <c r="C60" s="22"/>
      <c r="D60" s="22"/>
      <c r="E60" s="23"/>
      <c r="F60" s="24"/>
      <c r="G60" s="25"/>
      <c r="H60" s="26"/>
      <c r="I60" s="27"/>
    </row>
    <row r="61" spans="1:9" s="13" customFormat="1" ht="9.4" customHeight="1">
      <c r="A61" s="6"/>
      <c r="B61" s="7"/>
      <c r="C61" s="7"/>
      <c r="D61" s="7"/>
      <c r="E61" s="8"/>
      <c r="F61" s="9"/>
      <c r="G61" s="10"/>
      <c r="H61" s="11"/>
      <c r="I61" s="12"/>
    </row>
    <row r="62" spans="1:9" s="28" customFormat="1" ht="9.4" customHeight="1">
      <c r="A62" s="14"/>
      <c r="B62" s="15"/>
      <c r="C62" s="15"/>
      <c r="D62" s="15"/>
      <c r="E62" s="16"/>
      <c r="F62" s="17"/>
      <c r="G62" s="18"/>
      <c r="H62" s="19"/>
      <c r="I62" s="20"/>
    </row>
    <row r="63" spans="1:9" s="13" customFormat="1" ht="9.4" customHeight="1">
      <c r="A63" s="31"/>
      <c r="B63" s="22"/>
      <c r="C63" s="22"/>
      <c r="D63" s="22"/>
      <c r="E63" s="23"/>
      <c r="F63" s="24"/>
      <c r="G63" s="25"/>
      <c r="H63" s="26"/>
      <c r="I63" s="27"/>
    </row>
    <row r="64" spans="1:9" s="13" customFormat="1" ht="9.4" customHeight="1">
      <c r="A64" s="6"/>
      <c r="B64" s="7"/>
      <c r="C64" s="7"/>
      <c r="D64" s="7"/>
      <c r="E64" s="8"/>
      <c r="F64" s="9"/>
      <c r="G64" s="10"/>
      <c r="H64" s="11"/>
      <c r="I64" s="12"/>
    </row>
    <row r="65" spans="1:9" s="28" customFormat="1" ht="9.4" customHeight="1">
      <c r="A65" s="14"/>
      <c r="B65" s="15"/>
      <c r="C65" s="15"/>
      <c r="D65" s="15"/>
      <c r="E65" s="16"/>
      <c r="F65" s="17"/>
      <c r="G65" s="18"/>
      <c r="H65" s="19"/>
      <c r="I65" s="20"/>
    </row>
    <row r="66" spans="1:9" s="13" customFormat="1" ht="9.4" customHeight="1">
      <c r="A66" s="31"/>
      <c r="B66" s="22"/>
      <c r="C66" s="22"/>
      <c r="D66" s="22"/>
      <c r="E66" s="23"/>
      <c r="F66" s="24"/>
      <c r="G66" s="25"/>
      <c r="H66" s="26"/>
      <c r="I66" s="27"/>
    </row>
    <row r="67" spans="1:9" s="13" customFormat="1" ht="9.4" customHeight="1">
      <c r="A67" s="6"/>
      <c r="B67" s="7"/>
      <c r="C67" s="7"/>
      <c r="D67" s="7"/>
      <c r="E67" s="8"/>
      <c r="F67" s="9"/>
      <c r="G67" s="10"/>
      <c r="H67" s="11"/>
      <c r="I67" s="12"/>
    </row>
    <row r="68" spans="1:9" s="28" customFormat="1" ht="9.4" customHeight="1">
      <c r="A68" s="14"/>
      <c r="B68" s="15"/>
      <c r="C68" s="15"/>
      <c r="D68" s="15"/>
      <c r="E68" s="16"/>
      <c r="F68" s="17"/>
      <c r="G68" s="18"/>
      <c r="H68" s="19"/>
      <c r="I68" s="20"/>
    </row>
    <row r="69" spans="1:9" s="13" customFormat="1" ht="9.4" customHeight="1">
      <c r="A69" s="31"/>
      <c r="B69" s="22"/>
      <c r="C69" s="22"/>
      <c r="D69" s="22"/>
      <c r="E69" s="23"/>
      <c r="F69" s="24"/>
      <c r="G69" s="25"/>
      <c r="H69" s="26"/>
      <c r="I69" s="34"/>
    </row>
    <row r="70" spans="1:9" s="13" customFormat="1" ht="9.4" customHeight="1">
      <c r="A70" s="6"/>
      <c r="B70" s="7"/>
      <c r="C70" s="7"/>
      <c r="D70" s="7"/>
      <c r="E70" s="8"/>
      <c r="F70" s="9"/>
      <c r="G70" s="10"/>
      <c r="H70" s="11"/>
      <c r="I70" s="12"/>
    </row>
    <row r="71" spans="1:9" s="28" customFormat="1" ht="9.4" customHeight="1">
      <c r="A71" s="14"/>
      <c r="B71" s="15"/>
      <c r="C71" s="15"/>
      <c r="D71" s="15"/>
      <c r="E71" s="16"/>
      <c r="F71" s="17"/>
      <c r="G71" s="18"/>
      <c r="H71" s="19"/>
      <c r="I71" s="20"/>
    </row>
    <row r="72" spans="1:9" s="13" customFormat="1" ht="9.4" customHeight="1">
      <c r="A72" s="31"/>
      <c r="B72" s="22"/>
      <c r="C72" s="22"/>
      <c r="D72" s="22"/>
      <c r="E72" s="23"/>
      <c r="F72" s="24"/>
      <c r="G72" s="25"/>
      <c r="H72" s="36"/>
      <c r="I72" s="27"/>
    </row>
    <row r="73" spans="1:9" s="13" customFormat="1" ht="9.4" customHeight="1">
      <c r="A73" s="6"/>
      <c r="B73" s="7"/>
      <c r="C73" s="7"/>
      <c r="D73" s="7"/>
      <c r="E73" s="8"/>
      <c r="F73" s="9"/>
      <c r="G73" s="10"/>
      <c r="H73" s="11"/>
      <c r="I73" s="12"/>
    </row>
    <row r="74" spans="1:9" s="28" customFormat="1" ht="9.4" customHeight="1">
      <c r="A74" s="48"/>
      <c r="B74" s="15"/>
      <c r="C74" s="15"/>
      <c r="D74" s="15"/>
      <c r="E74" s="16"/>
      <c r="F74" s="17"/>
      <c r="G74" s="18"/>
      <c r="H74" s="19"/>
      <c r="I74" s="20"/>
    </row>
    <row r="75" spans="1:9" s="13" customFormat="1" ht="9.4" customHeight="1">
      <c r="A75" s="49"/>
      <c r="B75" s="22"/>
      <c r="C75" s="22"/>
      <c r="D75" s="22"/>
      <c r="E75" s="23"/>
      <c r="F75" s="24"/>
      <c r="G75" s="25"/>
      <c r="H75" s="36"/>
      <c r="I75" s="27"/>
    </row>
    <row r="76" spans="1:9" s="13" customFormat="1" ht="9.4" customHeight="1">
      <c r="A76" s="50"/>
      <c r="B76" s="51"/>
      <c r="C76" s="51"/>
      <c r="D76" s="51"/>
      <c r="E76" s="52"/>
      <c r="F76" s="53"/>
      <c r="G76" s="54"/>
      <c r="H76" s="55"/>
      <c r="I76" s="56"/>
    </row>
    <row r="77" spans="1:9" s="13" customFormat="1" ht="9.4" customHeight="1">
      <c r="A77" s="50"/>
      <c r="B77" s="57"/>
      <c r="C77" s="57"/>
      <c r="D77" s="57"/>
      <c r="E77" s="58"/>
      <c r="F77" s="59"/>
      <c r="G77" s="60"/>
      <c r="H77" s="61"/>
      <c r="I77" s="62"/>
    </row>
    <row r="78" spans="1:9" s="13" customFormat="1" ht="9.4" customHeight="1">
      <c r="A78" s="50"/>
      <c r="B78" s="63"/>
      <c r="C78" s="63"/>
      <c r="D78" s="63"/>
      <c r="E78" s="64"/>
      <c r="F78" s="65"/>
      <c r="G78" s="66"/>
      <c r="H78" s="67"/>
      <c r="I78" s="68"/>
    </row>
    <row r="79" spans="1:9" s="13" customFormat="1" ht="9.4" customHeight="1">
      <c r="A79" s="69"/>
      <c r="B79" s="7"/>
      <c r="C79" s="7"/>
      <c r="D79" s="7"/>
      <c r="E79" s="8"/>
      <c r="F79" s="70"/>
      <c r="G79" s="10"/>
      <c r="H79" s="11"/>
      <c r="I79" s="56"/>
    </row>
    <row r="80" spans="1:9" s="28" customFormat="1" ht="9.4" customHeight="1">
      <c r="A80" s="48"/>
      <c r="B80" s="15"/>
      <c r="C80" s="71"/>
      <c r="D80" s="15"/>
      <c r="E80" s="16"/>
      <c r="F80" s="72"/>
      <c r="G80" s="18"/>
      <c r="H80" s="19"/>
      <c r="I80" s="62"/>
    </row>
    <row r="81" spans="1:9" s="13" customFormat="1" ht="9.4" customHeight="1">
      <c r="A81" s="49"/>
      <c r="B81" s="22"/>
      <c r="C81" s="22"/>
      <c r="D81" s="22"/>
      <c r="E81" s="23"/>
      <c r="F81" s="24"/>
      <c r="G81" s="25"/>
      <c r="H81" s="26"/>
      <c r="I81" s="73"/>
    </row>
    <row r="82" spans="1:9" s="13" customFormat="1" ht="9.4" customHeight="1">
      <c r="A82" s="69"/>
      <c r="B82" s="51"/>
      <c r="C82" s="51"/>
      <c r="D82" s="51"/>
      <c r="E82" s="52"/>
      <c r="F82" s="53"/>
      <c r="G82" s="54"/>
      <c r="H82" s="74"/>
      <c r="I82" s="56"/>
    </row>
    <row r="83" spans="1:9" s="28" customFormat="1" ht="9.4" customHeight="1">
      <c r="A83" s="48"/>
      <c r="B83" s="57"/>
      <c r="C83" s="57"/>
      <c r="D83" s="57"/>
      <c r="E83" s="58"/>
      <c r="F83" s="59"/>
      <c r="G83" s="60"/>
      <c r="H83" s="75"/>
      <c r="I83" s="62"/>
    </row>
    <row r="84" spans="1:9" s="13" customFormat="1" ht="9.4" customHeight="1">
      <c r="A84" s="76"/>
      <c r="B84" s="77"/>
      <c r="C84" s="78"/>
      <c r="D84" s="78"/>
      <c r="E84" s="79"/>
      <c r="F84" s="80"/>
      <c r="G84" s="81"/>
      <c r="H84" s="82"/>
      <c r="I84" s="83"/>
    </row>
  </sheetData>
  <phoneticPr fontId="10"/>
  <printOptions horizontalCentered="1" verticalCentered="1"/>
  <pageMargins left="0.43307086614173229" right="0.27559055118110237" top="0.70866141732283472" bottom="0.51181102362204722" header="0.43307086614173229" footer="0.43307086614173229"/>
  <pageSetup paperSize="9" scale="95" orientation="portrait" horizontalDpi="4294967294" r:id="rId1"/>
  <headerFooter alignWithMargins="0">
    <oddHeader>&amp;C&amp;"ＭＳ ゴシック,標準"&amp;A</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enableFormatConditionsCalculation="0">
    <tabColor indexed="14"/>
  </sheetPr>
  <dimension ref="A1:L81"/>
  <sheetViews>
    <sheetView showGridLines="0" showZeros="0" zoomScale="115" zoomScaleNormal="115" zoomScaleSheetLayoutView="85" workbookViewId="0">
      <selection activeCell="D4" sqref="D4"/>
    </sheetView>
  </sheetViews>
  <sheetFormatPr defaultColWidth="10.28515625" defaultRowHeight="13.5"/>
  <cols>
    <col min="1" max="1" width="9.85546875" style="84" customWidth="1"/>
    <col min="2" max="2" width="12.140625" style="84" customWidth="1"/>
    <col min="3" max="3" width="16.7109375" style="84" customWidth="1"/>
    <col min="4" max="4" width="14.42578125" style="84" customWidth="1"/>
    <col min="5" max="5" width="7.5703125" style="85" customWidth="1"/>
    <col min="6" max="6" width="8.7109375" style="86" customWidth="1"/>
    <col min="7" max="7" width="10.42578125" style="84" bestFit="1" customWidth="1"/>
    <col min="8" max="8" width="12.140625" style="87" customWidth="1"/>
    <col min="9" max="9" width="17.85546875" style="84" customWidth="1"/>
    <col min="10" max="16384" width="10.28515625" style="84"/>
  </cols>
  <sheetData>
    <row r="1" spans="1:9" s="5" customFormat="1" ht="26.1" customHeight="1">
      <c r="A1" s="1" t="s">
        <v>0</v>
      </c>
      <c r="B1" s="2" t="s">
        <v>1</v>
      </c>
      <c r="C1" s="2" t="s">
        <v>2</v>
      </c>
      <c r="D1" s="2" t="s">
        <v>3</v>
      </c>
      <c r="E1" s="2" t="s">
        <v>4</v>
      </c>
      <c r="F1" s="2" t="s">
        <v>5</v>
      </c>
      <c r="G1" s="2" t="s">
        <v>6</v>
      </c>
      <c r="H1" s="3" t="s">
        <v>7</v>
      </c>
      <c r="I1" s="4" t="s">
        <v>8</v>
      </c>
    </row>
    <row r="2" spans="1:9" s="13" customFormat="1" ht="9.4" customHeight="1">
      <c r="A2" s="6"/>
      <c r="B2" s="7"/>
      <c r="C2" s="7"/>
      <c r="D2" s="7"/>
      <c r="E2" s="8"/>
      <c r="F2" s="9"/>
      <c r="G2" s="10"/>
      <c r="H2" s="11"/>
      <c r="I2" s="12"/>
    </row>
    <row r="3" spans="1:9" s="13" customFormat="1" ht="9.4" customHeight="1">
      <c r="A3" s="14"/>
      <c r="B3" s="15"/>
      <c r="C3" s="15"/>
      <c r="D3" s="15"/>
      <c r="E3" s="16"/>
      <c r="F3" s="17"/>
      <c r="G3" s="18"/>
      <c r="H3" s="19"/>
      <c r="I3" s="20"/>
    </row>
    <row r="4" spans="1:9" s="28" customFormat="1" ht="9.4" customHeight="1">
      <c r="A4" s="157" t="s">
        <v>51</v>
      </c>
      <c r="B4" s="22" t="s">
        <v>17</v>
      </c>
      <c r="C4" s="22"/>
      <c r="D4" s="22"/>
      <c r="E4" s="23"/>
      <c r="F4" s="24"/>
      <c r="G4" s="25"/>
      <c r="H4" s="26"/>
      <c r="I4" s="27"/>
    </row>
    <row r="5" spans="1:9" s="13" customFormat="1" ht="9.4" customHeight="1">
      <c r="A5" s="29"/>
      <c r="B5" s="7"/>
      <c r="C5" s="7"/>
      <c r="D5" s="7"/>
      <c r="E5" s="8"/>
      <c r="F5" s="9"/>
      <c r="G5" s="10"/>
      <c r="H5" s="11"/>
      <c r="I5" s="12"/>
    </row>
    <row r="6" spans="1:9" s="13" customFormat="1" ht="9.4" customHeight="1">
      <c r="A6" s="30"/>
      <c r="B6" s="15"/>
      <c r="C6" s="15"/>
      <c r="D6" s="15"/>
      <c r="E6" s="16"/>
      <c r="F6" s="17"/>
      <c r="G6" s="18"/>
      <c r="H6" s="19"/>
      <c r="I6" s="20"/>
    </row>
    <row r="7" spans="1:9" s="28" customFormat="1" ht="9.4" customHeight="1">
      <c r="A7" s="31"/>
      <c r="B7" s="22"/>
      <c r="C7" s="22" t="s">
        <v>52</v>
      </c>
      <c r="D7" s="22"/>
      <c r="E7" s="23" t="s">
        <v>15</v>
      </c>
      <c r="F7" s="24">
        <v>1</v>
      </c>
      <c r="G7" s="32"/>
      <c r="H7" s="33"/>
      <c r="I7" s="34" t="s">
        <v>54</v>
      </c>
    </row>
    <row r="8" spans="1:9" s="28" customFormat="1" ht="9.4" customHeight="1">
      <c r="A8" s="6"/>
      <c r="B8" s="7"/>
      <c r="C8" s="7"/>
      <c r="D8" s="7"/>
      <c r="E8" s="8"/>
      <c r="F8" s="9"/>
      <c r="G8" s="10"/>
      <c r="H8" s="11"/>
      <c r="I8" s="12"/>
    </row>
    <row r="9" spans="1:9" s="28" customFormat="1" ht="9.4" customHeight="1">
      <c r="A9" s="14"/>
      <c r="B9" s="15"/>
      <c r="C9" s="15"/>
      <c r="D9" s="15"/>
      <c r="E9" s="16"/>
      <c r="F9" s="17"/>
      <c r="G9" s="18"/>
      <c r="H9" s="19"/>
      <c r="I9" s="20"/>
    </row>
    <row r="10" spans="1:9" s="28" customFormat="1" ht="9.4" customHeight="1">
      <c r="A10" s="31"/>
      <c r="B10" s="22"/>
      <c r="C10" s="22" t="s">
        <v>53</v>
      </c>
      <c r="D10" s="22"/>
      <c r="E10" s="23" t="s">
        <v>15</v>
      </c>
      <c r="F10" s="24">
        <v>1</v>
      </c>
      <c r="G10" s="25"/>
      <c r="H10" s="26"/>
      <c r="I10" s="34" t="s">
        <v>55</v>
      </c>
    </row>
    <row r="11" spans="1:9" s="28" customFormat="1" ht="9.4" customHeight="1">
      <c r="A11" s="6"/>
      <c r="B11" s="7"/>
      <c r="C11" s="7"/>
      <c r="D11" s="7"/>
      <c r="E11" s="8"/>
      <c r="F11" s="9"/>
      <c r="G11" s="10"/>
      <c r="H11" s="11"/>
      <c r="I11" s="12"/>
    </row>
    <row r="12" spans="1:9" s="28" customFormat="1" ht="9.4" customHeight="1">
      <c r="A12" s="14"/>
      <c r="B12" s="15"/>
      <c r="C12" s="15"/>
      <c r="D12" s="15"/>
      <c r="E12" s="16"/>
      <c r="F12" s="17"/>
      <c r="G12" s="18"/>
      <c r="H12" s="19"/>
      <c r="I12" s="20"/>
    </row>
    <row r="13" spans="1:9" s="28" customFormat="1" ht="9.4" customHeight="1">
      <c r="A13" s="31"/>
      <c r="B13" s="22"/>
      <c r="C13" s="22" t="s">
        <v>57</v>
      </c>
      <c r="D13" s="22"/>
      <c r="E13" s="23" t="s">
        <v>15</v>
      </c>
      <c r="F13" s="24">
        <v>1</v>
      </c>
      <c r="G13" s="25"/>
      <c r="H13" s="88"/>
      <c r="I13" s="34" t="s">
        <v>56</v>
      </c>
    </row>
    <row r="14" spans="1:9" s="13" customFormat="1" ht="9.4" customHeight="1">
      <c r="A14" s="6"/>
      <c r="B14" s="7"/>
      <c r="C14" s="7"/>
      <c r="D14" s="7"/>
      <c r="E14" s="8"/>
      <c r="F14" s="9"/>
      <c r="G14" s="10"/>
      <c r="H14" s="11"/>
      <c r="I14" s="12"/>
    </row>
    <row r="15" spans="1:9" s="13" customFormat="1" ht="9.4" customHeight="1">
      <c r="A15" s="14"/>
      <c r="B15" s="15"/>
      <c r="C15" s="15"/>
      <c r="D15" s="15"/>
      <c r="E15" s="16"/>
      <c r="F15" s="17"/>
      <c r="G15" s="18"/>
      <c r="H15" s="19"/>
      <c r="I15" s="20"/>
    </row>
    <row r="16" spans="1:9" s="28" customFormat="1" ht="9.4" customHeight="1">
      <c r="A16" s="21"/>
      <c r="B16" s="22" t="s">
        <v>58</v>
      </c>
      <c r="C16" s="22"/>
      <c r="D16" s="22"/>
      <c r="E16" s="23"/>
      <c r="F16" s="24"/>
      <c r="G16" s="25"/>
      <c r="H16" s="26"/>
      <c r="I16" s="27"/>
    </row>
    <row r="17" spans="1:12" s="13" customFormat="1" ht="9.4" customHeight="1">
      <c r="A17" s="6"/>
      <c r="B17" s="7"/>
      <c r="C17" s="7"/>
      <c r="D17" s="7"/>
      <c r="E17" s="8"/>
      <c r="F17" s="9"/>
      <c r="G17" s="10"/>
      <c r="H17" s="11"/>
      <c r="I17" s="12"/>
    </row>
    <row r="18" spans="1:12" s="13" customFormat="1" ht="9.4" customHeight="1">
      <c r="A18" s="14"/>
      <c r="B18" s="15"/>
      <c r="C18" s="15"/>
      <c r="D18" s="15"/>
      <c r="E18" s="16"/>
      <c r="F18" s="17"/>
      <c r="G18" s="18"/>
      <c r="H18" s="19"/>
      <c r="I18" s="20"/>
    </row>
    <row r="19" spans="1:12" s="28" customFormat="1" ht="9.4" customHeight="1">
      <c r="A19" s="31"/>
      <c r="B19" s="22"/>
      <c r="C19" s="22"/>
      <c r="D19" s="22"/>
      <c r="E19" s="23"/>
      <c r="F19" s="24"/>
      <c r="G19" s="25"/>
      <c r="H19" s="36"/>
      <c r="I19" s="34"/>
    </row>
    <row r="20" spans="1:12" s="28" customFormat="1" ht="9.4" customHeight="1">
      <c r="A20" s="35"/>
      <c r="B20" s="7"/>
      <c r="C20" s="7"/>
      <c r="D20" s="7"/>
      <c r="E20" s="8"/>
      <c r="F20" s="9"/>
      <c r="G20" s="10"/>
      <c r="H20" s="11"/>
      <c r="I20" s="12"/>
    </row>
    <row r="21" spans="1:12" s="28" customFormat="1" ht="9.4" customHeight="1">
      <c r="A21" s="35"/>
      <c r="B21" s="15"/>
      <c r="C21" s="15"/>
      <c r="D21" s="15"/>
      <c r="E21" s="16"/>
      <c r="F21" s="17"/>
      <c r="G21" s="18"/>
      <c r="H21" s="19"/>
      <c r="I21" s="20"/>
    </row>
    <row r="22" spans="1:12" s="28" customFormat="1" ht="9.4" customHeight="1">
      <c r="A22" s="158" t="s">
        <v>59</v>
      </c>
      <c r="B22" s="22" t="s">
        <v>60</v>
      </c>
      <c r="C22" s="22"/>
      <c r="D22" s="22"/>
      <c r="E22" s="23"/>
      <c r="F22" s="24"/>
      <c r="G22" s="25"/>
      <c r="H22" s="36"/>
      <c r="I22" s="27"/>
    </row>
    <row r="23" spans="1:12" s="13" customFormat="1" ht="9.4" customHeight="1">
      <c r="A23" s="6"/>
      <c r="B23" s="7"/>
      <c r="C23" s="7"/>
      <c r="D23" s="7"/>
      <c r="E23" s="8"/>
      <c r="F23" s="9"/>
      <c r="G23" s="10"/>
      <c r="H23" s="11"/>
      <c r="I23" s="176"/>
    </row>
    <row r="24" spans="1:12" s="13" customFormat="1" ht="9.4" customHeight="1">
      <c r="A24" s="14"/>
      <c r="B24" s="15"/>
      <c r="C24" s="15"/>
      <c r="D24" s="15"/>
      <c r="E24" s="16"/>
      <c r="F24" s="17"/>
      <c r="G24" s="18"/>
      <c r="H24" s="19"/>
      <c r="I24" s="177"/>
      <c r="K24" s="178"/>
    </row>
    <row r="25" spans="1:12" s="28" customFormat="1" ht="9.4" customHeight="1">
      <c r="A25" s="31"/>
      <c r="B25" s="22"/>
      <c r="C25" s="22" t="s">
        <v>61</v>
      </c>
      <c r="D25" s="22" t="s">
        <v>108</v>
      </c>
      <c r="E25" s="23" t="s">
        <v>15</v>
      </c>
      <c r="F25" s="24">
        <v>1</v>
      </c>
      <c r="G25" s="25"/>
      <c r="H25" s="36"/>
      <c r="I25" s="34"/>
      <c r="K25" s="179"/>
      <c r="L25" s="13"/>
    </row>
    <row r="26" spans="1:12" s="13" customFormat="1" ht="9.4" customHeight="1">
      <c r="A26" s="6"/>
      <c r="B26" s="7"/>
      <c r="C26" s="7"/>
      <c r="D26" s="7"/>
      <c r="E26" s="8"/>
      <c r="F26" s="9"/>
      <c r="G26" s="10"/>
      <c r="H26" s="11"/>
      <c r="I26" s="12"/>
    </row>
    <row r="27" spans="1:12" s="13" customFormat="1" ht="9.4" customHeight="1">
      <c r="A27" s="14"/>
      <c r="B27" s="15"/>
      <c r="C27" s="15"/>
      <c r="D27" s="15"/>
      <c r="E27" s="16"/>
      <c r="F27" s="17"/>
      <c r="G27" s="18"/>
      <c r="H27" s="19"/>
      <c r="I27" s="20"/>
    </row>
    <row r="28" spans="1:12" s="28" customFormat="1" ht="9.4" customHeight="1">
      <c r="A28" s="31"/>
      <c r="B28" s="22"/>
      <c r="C28" s="22" t="s">
        <v>62</v>
      </c>
      <c r="D28" s="22" t="s">
        <v>109</v>
      </c>
      <c r="E28" s="23" t="s">
        <v>15</v>
      </c>
      <c r="F28" s="24">
        <v>1</v>
      </c>
      <c r="G28" s="25"/>
      <c r="H28" s="36"/>
      <c r="I28" s="34"/>
    </row>
    <row r="29" spans="1:12" s="13" customFormat="1" ht="9.4" customHeight="1">
      <c r="A29" s="6"/>
      <c r="B29" s="7"/>
      <c r="C29" s="7"/>
      <c r="D29" s="7"/>
      <c r="E29" s="8"/>
      <c r="F29" s="9"/>
      <c r="G29" s="10"/>
      <c r="H29" s="11"/>
      <c r="I29" s="12"/>
    </row>
    <row r="30" spans="1:12" s="13" customFormat="1" ht="9.4" customHeight="1">
      <c r="A30" s="14"/>
      <c r="B30" s="15"/>
      <c r="C30" s="15"/>
      <c r="D30" s="15"/>
      <c r="E30" s="16"/>
      <c r="F30" s="17"/>
      <c r="G30" s="18"/>
      <c r="H30" s="19"/>
      <c r="I30" s="20"/>
    </row>
    <row r="31" spans="1:12" s="28" customFormat="1" ht="9.4" customHeight="1">
      <c r="A31" s="31"/>
      <c r="B31" s="22" t="s">
        <v>58</v>
      </c>
      <c r="C31" s="22"/>
      <c r="D31" s="22"/>
      <c r="E31" s="23"/>
      <c r="F31" s="24"/>
      <c r="G31" s="25"/>
      <c r="H31" s="88"/>
      <c r="I31" s="89"/>
    </row>
    <row r="32" spans="1:12" s="13" customFormat="1" ht="9.4" customHeight="1">
      <c r="A32" s="6"/>
      <c r="B32" s="7"/>
      <c r="C32" s="7"/>
      <c r="D32" s="7"/>
      <c r="E32" s="8"/>
      <c r="F32" s="9"/>
      <c r="G32" s="10"/>
      <c r="H32" s="11"/>
      <c r="I32" s="12"/>
    </row>
    <row r="33" spans="1:9" s="13" customFormat="1" ht="9.4" customHeight="1">
      <c r="A33" s="14"/>
      <c r="B33" s="15"/>
      <c r="C33" s="15"/>
      <c r="D33" s="15"/>
      <c r="E33" s="16"/>
      <c r="F33" s="17"/>
      <c r="G33" s="18"/>
      <c r="H33" s="19"/>
      <c r="I33" s="20"/>
    </row>
    <row r="34" spans="1:9" s="28" customFormat="1" ht="9.4" customHeight="1">
      <c r="A34" s="31"/>
      <c r="B34" s="22"/>
      <c r="C34" s="22"/>
      <c r="D34" s="22"/>
      <c r="E34" s="23"/>
      <c r="F34" s="24"/>
      <c r="G34" s="25"/>
      <c r="H34" s="26"/>
      <c r="I34" s="27"/>
    </row>
    <row r="35" spans="1:9" s="13" customFormat="1" ht="9.4" customHeight="1">
      <c r="A35" s="6"/>
      <c r="B35" s="7"/>
      <c r="C35" s="7"/>
      <c r="D35" s="7"/>
      <c r="E35" s="8"/>
      <c r="F35" s="9"/>
      <c r="G35" s="10"/>
      <c r="H35" s="11"/>
      <c r="I35" s="12"/>
    </row>
    <row r="36" spans="1:9" s="13" customFormat="1" ht="9.4" customHeight="1">
      <c r="A36" s="14"/>
      <c r="B36" s="15"/>
      <c r="C36" s="15"/>
      <c r="D36" s="15"/>
      <c r="E36" s="16"/>
      <c r="F36" s="17"/>
      <c r="G36" s="18"/>
      <c r="H36" s="19"/>
      <c r="I36" s="20"/>
    </row>
    <row r="37" spans="1:9" s="28" customFormat="1" ht="9.4" customHeight="1">
      <c r="A37" s="31"/>
      <c r="B37" s="22"/>
      <c r="C37" s="22"/>
      <c r="D37" s="22"/>
      <c r="E37" s="23"/>
      <c r="F37" s="24"/>
      <c r="G37" s="25"/>
      <c r="H37" s="26"/>
      <c r="I37" s="34"/>
    </row>
    <row r="38" spans="1:9" s="13" customFormat="1" ht="9.4" customHeight="1">
      <c r="A38" s="6"/>
      <c r="B38" s="7"/>
      <c r="C38" s="7"/>
      <c r="D38" s="7"/>
      <c r="E38" s="8"/>
      <c r="F38" s="9"/>
      <c r="G38" s="10"/>
      <c r="H38" s="11"/>
      <c r="I38" s="12"/>
    </row>
    <row r="39" spans="1:9" s="13" customFormat="1" ht="9.4" customHeight="1">
      <c r="A39" s="14"/>
      <c r="B39" s="15"/>
      <c r="C39" s="15"/>
      <c r="D39" s="15"/>
      <c r="E39" s="16"/>
      <c r="F39" s="17"/>
      <c r="G39" s="18"/>
      <c r="H39" s="19"/>
      <c r="I39" s="20"/>
    </row>
    <row r="40" spans="1:9" s="28" customFormat="1" ht="9.4" customHeight="1">
      <c r="A40" s="31"/>
      <c r="B40" s="22"/>
      <c r="C40" s="22"/>
      <c r="D40" s="22"/>
      <c r="E40" s="23"/>
      <c r="F40" s="24"/>
      <c r="G40" s="25"/>
      <c r="H40" s="26"/>
      <c r="I40" s="27"/>
    </row>
    <row r="41" spans="1:9" s="5" customFormat="1" ht="26.1" customHeight="1">
      <c r="A41" s="37"/>
      <c r="B41" s="38"/>
      <c r="C41" s="38" t="s">
        <v>9</v>
      </c>
      <c r="D41" s="38"/>
      <c r="E41" s="39"/>
      <c r="F41" s="40"/>
      <c r="G41" s="38" t="s">
        <v>14</v>
      </c>
      <c r="H41" s="41"/>
      <c r="I41" s="42"/>
    </row>
    <row r="42" spans="1:9" s="13" customFormat="1" ht="26.1" customHeight="1">
      <c r="A42" s="1" t="s">
        <v>0</v>
      </c>
      <c r="B42" s="2" t="s">
        <v>1</v>
      </c>
      <c r="C42" s="2" t="s">
        <v>2</v>
      </c>
      <c r="D42" s="2" t="s">
        <v>3</v>
      </c>
      <c r="E42" s="2" t="s">
        <v>4</v>
      </c>
      <c r="F42" s="2" t="s">
        <v>5</v>
      </c>
      <c r="G42" s="2" t="s">
        <v>6</v>
      </c>
      <c r="H42" s="3" t="s">
        <v>7</v>
      </c>
      <c r="I42" s="4" t="s">
        <v>8</v>
      </c>
    </row>
    <row r="43" spans="1:9" s="13" customFormat="1" ht="9.4" customHeight="1">
      <c r="A43" s="6"/>
      <c r="B43" s="7"/>
      <c r="C43" s="7"/>
      <c r="D43" s="7"/>
      <c r="E43" s="8"/>
      <c r="F43" s="9"/>
      <c r="G43" s="10"/>
      <c r="H43" s="11"/>
      <c r="I43" s="12"/>
    </row>
    <row r="44" spans="1:9" s="13" customFormat="1" ht="9.4" customHeight="1">
      <c r="A44" s="14"/>
      <c r="B44" s="15"/>
      <c r="C44" s="15"/>
      <c r="D44" s="15"/>
      <c r="E44" s="16"/>
      <c r="F44" s="17"/>
      <c r="G44" s="18"/>
      <c r="H44" s="19"/>
      <c r="I44" s="20"/>
    </row>
    <row r="45" spans="1:9" s="28" customFormat="1" ht="9.4" customHeight="1">
      <c r="A45" s="31"/>
      <c r="B45" s="22"/>
      <c r="C45" s="22"/>
      <c r="D45" s="22"/>
      <c r="E45" s="23"/>
      <c r="F45" s="24"/>
      <c r="G45" s="25"/>
      <c r="H45" s="26"/>
      <c r="I45" s="34"/>
    </row>
    <row r="46" spans="1:9" s="13" customFormat="1" ht="9.4" customHeight="1">
      <c r="A46" s="29"/>
      <c r="B46" s="7"/>
      <c r="C46" s="7"/>
      <c r="D46" s="7"/>
      <c r="E46" s="8"/>
      <c r="F46" s="9"/>
      <c r="G46" s="10"/>
      <c r="H46" s="11"/>
      <c r="I46" s="12"/>
    </row>
    <row r="47" spans="1:9" s="28" customFormat="1" ht="9.4" customHeight="1">
      <c r="A47" s="30"/>
      <c r="B47" s="15"/>
      <c r="C47" s="15"/>
      <c r="D47" s="15"/>
      <c r="E47" s="16"/>
      <c r="F47" s="17"/>
      <c r="G47" s="18"/>
      <c r="H47" s="19"/>
      <c r="I47" s="20"/>
    </row>
    <row r="48" spans="1:9" s="13" customFormat="1" ht="9.4" customHeight="1">
      <c r="A48" s="31"/>
      <c r="B48" s="22"/>
      <c r="C48" s="22"/>
      <c r="D48" s="22"/>
      <c r="E48" s="23"/>
      <c r="F48" s="24"/>
      <c r="G48" s="25"/>
      <c r="H48" s="26"/>
      <c r="I48" s="34"/>
    </row>
    <row r="49" spans="1:9" s="13" customFormat="1" ht="9.4" customHeight="1">
      <c r="A49" s="6"/>
      <c r="B49" s="7"/>
      <c r="C49" s="7"/>
      <c r="D49" s="7"/>
      <c r="E49" s="8"/>
      <c r="F49" s="9"/>
      <c r="G49" s="10"/>
      <c r="H49" s="11"/>
      <c r="I49" s="12"/>
    </row>
    <row r="50" spans="1:9" s="28" customFormat="1" ht="9.4" customHeight="1">
      <c r="A50" s="14"/>
      <c r="B50" s="15"/>
      <c r="C50" s="15"/>
      <c r="D50" s="15"/>
      <c r="E50" s="16"/>
      <c r="F50" s="17"/>
      <c r="G50" s="18"/>
      <c r="H50" s="19"/>
      <c r="I50" s="20"/>
    </row>
    <row r="51" spans="1:9" s="13" customFormat="1" ht="9.4" customHeight="1">
      <c r="A51" s="31"/>
      <c r="B51" s="22"/>
      <c r="C51" s="22"/>
      <c r="D51" s="22"/>
      <c r="E51" s="23"/>
      <c r="F51" s="24"/>
      <c r="G51" s="25"/>
      <c r="H51" s="36"/>
      <c r="I51" s="27"/>
    </row>
    <row r="52" spans="1:9" s="13" customFormat="1" ht="9.4" customHeight="1">
      <c r="A52" s="6"/>
      <c r="B52" s="7"/>
      <c r="C52" s="7"/>
      <c r="D52" s="7"/>
      <c r="E52" s="8"/>
      <c r="F52" s="9"/>
      <c r="G52" s="10"/>
      <c r="H52" s="11"/>
      <c r="I52" s="12"/>
    </row>
    <row r="53" spans="1:9" s="28" customFormat="1" ht="9.4" customHeight="1">
      <c r="A53" s="14"/>
      <c r="B53" s="15"/>
      <c r="C53" s="15"/>
      <c r="D53" s="15"/>
      <c r="E53" s="16"/>
      <c r="F53" s="17"/>
      <c r="G53" s="18"/>
      <c r="H53" s="19"/>
      <c r="I53" s="20"/>
    </row>
    <row r="54" spans="1:9" s="13" customFormat="1" ht="9.4" customHeight="1">
      <c r="A54" s="31"/>
      <c r="B54" s="22"/>
      <c r="C54" s="22"/>
      <c r="D54" s="22"/>
      <c r="E54" s="23"/>
      <c r="F54" s="24"/>
      <c r="G54" s="25"/>
      <c r="H54" s="36"/>
      <c r="I54" s="27"/>
    </row>
    <row r="55" spans="1:9" s="13" customFormat="1" ht="9.4" customHeight="1">
      <c r="A55" s="6"/>
      <c r="B55" s="7"/>
      <c r="C55" s="7"/>
      <c r="D55" s="7"/>
      <c r="E55" s="8"/>
      <c r="F55" s="43"/>
      <c r="G55" s="44"/>
      <c r="H55" s="45"/>
      <c r="I55" s="12"/>
    </row>
    <row r="56" spans="1:9" s="28" customFormat="1" ht="9.4" customHeight="1">
      <c r="A56" s="14"/>
      <c r="B56" s="15"/>
      <c r="C56" s="46"/>
      <c r="D56" s="15"/>
      <c r="E56" s="16"/>
      <c r="F56" s="43"/>
      <c r="G56" s="44"/>
      <c r="H56" s="19"/>
      <c r="I56" s="47"/>
    </row>
    <row r="57" spans="1:9" s="13" customFormat="1" ht="9.4" customHeight="1">
      <c r="A57" s="21"/>
      <c r="B57" s="22"/>
      <c r="C57" s="22"/>
      <c r="D57" s="22"/>
      <c r="E57" s="23"/>
      <c r="F57" s="24"/>
      <c r="G57" s="25"/>
      <c r="H57" s="26"/>
      <c r="I57" s="27"/>
    </row>
    <row r="58" spans="1:9" s="13" customFormat="1" ht="9.4" customHeight="1">
      <c r="A58" s="6"/>
      <c r="B58" s="7"/>
      <c r="C58" s="7"/>
      <c r="D58" s="7"/>
      <c r="E58" s="8"/>
      <c r="F58" s="9"/>
      <c r="G58" s="10"/>
      <c r="H58" s="11"/>
      <c r="I58" s="12"/>
    </row>
    <row r="59" spans="1:9" s="28" customFormat="1" ht="9.4" customHeight="1">
      <c r="A59" s="14"/>
      <c r="B59" s="15"/>
      <c r="C59" s="15"/>
      <c r="D59" s="15"/>
      <c r="E59" s="16"/>
      <c r="F59" s="17"/>
      <c r="G59" s="18"/>
      <c r="H59" s="19"/>
      <c r="I59" s="20"/>
    </row>
    <row r="60" spans="1:9" s="13" customFormat="1" ht="9.4" customHeight="1">
      <c r="A60" s="31"/>
      <c r="B60" s="22"/>
      <c r="C60" s="22"/>
      <c r="D60" s="22"/>
      <c r="E60" s="23"/>
      <c r="F60" s="24"/>
      <c r="G60" s="25"/>
      <c r="H60" s="26"/>
      <c r="I60" s="27"/>
    </row>
    <row r="61" spans="1:9" s="13" customFormat="1" ht="9.4" customHeight="1">
      <c r="A61" s="6"/>
      <c r="B61" s="7"/>
      <c r="C61" s="7"/>
      <c r="D61" s="7"/>
      <c r="E61" s="8"/>
      <c r="F61" s="9"/>
      <c r="G61" s="10"/>
      <c r="H61" s="11"/>
      <c r="I61" s="12"/>
    </row>
    <row r="62" spans="1:9" s="28" customFormat="1" ht="9.4" customHeight="1">
      <c r="A62" s="14"/>
      <c r="B62" s="15"/>
      <c r="C62" s="15"/>
      <c r="D62" s="15"/>
      <c r="E62" s="16"/>
      <c r="F62" s="17"/>
      <c r="G62" s="18"/>
      <c r="H62" s="19"/>
      <c r="I62" s="20"/>
    </row>
    <row r="63" spans="1:9" s="13" customFormat="1" ht="9.4" customHeight="1">
      <c r="A63" s="31"/>
      <c r="B63" s="22"/>
      <c r="C63" s="22"/>
      <c r="D63" s="22"/>
      <c r="E63" s="23"/>
      <c r="F63" s="24"/>
      <c r="G63" s="25"/>
      <c r="H63" s="26"/>
      <c r="I63" s="27"/>
    </row>
    <row r="64" spans="1:9" s="13" customFormat="1" ht="9.4" customHeight="1">
      <c r="A64" s="6"/>
      <c r="B64" s="7"/>
      <c r="C64" s="7"/>
      <c r="D64" s="7"/>
      <c r="E64" s="8"/>
      <c r="F64" s="9"/>
      <c r="G64" s="10"/>
      <c r="H64" s="11"/>
      <c r="I64" s="12"/>
    </row>
    <row r="65" spans="1:9" s="28" customFormat="1" ht="9.4" customHeight="1">
      <c r="A65" s="14"/>
      <c r="B65" s="15"/>
      <c r="C65" s="15"/>
      <c r="D65" s="15"/>
      <c r="E65" s="16"/>
      <c r="F65" s="17"/>
      <c r="G65" s="18"/>
      <c r="H65" s="19"/>
      <c r="I65" s="20"/>
    </row>
    <row r="66" spans="1:9" s="13" customFormat="1" ht="9.4" customHeight="1">
      <c r="A66" s="31"/>
      <c r="B66" s="22"/>
      <c r="C66" s="22"/>
      <c r="D66" s="22"/>
      <c r="E66" s="23"/>
      <c r="F66" s="24"/>
      <c r="G66" s="25"/>
      <c r="H66" s="26"/>
      <c r="I66" s="34"/>
    </row>
    <row r="67" spans="1:9" s="13" customFormat="1" ht="9.4" customHeight="1">
      <c r="A67" s="6"/>
      <c r="B67" s="7"/>
      <c r="C67" s="7"/>
      <c r="D67" s="7"/>
      <c r="E67" s="8"/>
      <c r="F67" s="9"/>
      <c r="G67" s="10"/>
      <c r="H67" s="11"/>
      <c r="I67" s="12"/>
    </row>
    <row r="68" spans="1:9" s="28" customFormat="1" ht="9.4" customHeight="1">
      <c r="A68" s="14"/>
      <c r="B68" s="15"/>
      <c r="C68" s="15"/>
      <c r="D68" s="15"/>
      <c r="E68" s="16"/>
      <c r="F68" s="17"/>
      <c r="G68" s="18"/>
      <c r="H68" s="19"/>
      <c r="I68" s="20"/>
    </row>
    <row r="69" spans="1:9" s="13" customFormat="1" ht="9.4" customHeight="1">
      <c r="A69" s="31"/>
      <c r="B69" s="22"/>
      <c r="C69" s="22"/>
      <c r="D69" s="22"/>
      <c r="E69" s="23"/>
      <c r="F69" s="24"/>
      <c r="G69" s="25"/>
      <c r="H69" s="36"/>
      <c r="I69" s="27"/>
    </row>
    <row r="70" spans="1:9" s="13" customFormat="1" ht="9.4" customHeight="1">
      <c r="A70" s="6"/>
      <c r="B70" s="7"/>
      <c r="C70" s="7"/>
      <c r="D70" s="7"/>
      <c r="E70" s="8"/>
      <c r="F70" s="9"/>
      <c r="G70" s="10"/>
      <c r="H70" s="11"/>
      <c r="I70" s="12"/>
    </row>
    <row r="71" spans="1:9" s="28" customFormat="1" ht="9.4" customHeight="1">
      <c r="A71" s="48"/>
      <c r="B71" s="15"/>
      <c r="C71" s="15"/>
      <c r="D71" s="15"/>
      <c r="E71" s="16"/>
      <c r="F71" s="17"/>
      <c r="G71" s="18"/>
      <c r="H71" s="19"/>
      <c r="I71" s="20"/>
    </row>
    <row r="72" spans="1:9" s="13" customFormat="1" ht="9.4" customHeight="1">
      <c r="A72" s="49"/>
      <c r="B72" s="22"/>
      <c r="C72" s="22"/>
      <c r="D72" s="22"/>
      <c r="E72" s="23"/>
      <c r="F72" s="24"/>
      <c r="G72" s="25"/>
      <c r="H72" s="36"/>
      <c r="I72" s="27"/>
    </row>
    <row r="73" spans="1:9" s="13" customFormat="1" ht="9.4" customHeight="1">
      <c r="A73" s="50"/>
      <c r="B73" s="51"/>
      <c r="C73" s="51"/>
      <c r="D73" s="51"/>
      <c r="E73" s="52"/>
      <c r="F73" s="53"/>
      <c r="G73" s="54"/>
      <c r="H73" s="55"/>
      <c r="I73" s="56"/>
    </row>
    <row r="74" spans="1:9" s="13" customFormat="1" ht="9.4" customHeight="1">
      <c r="A74" s="50"/>
      <c r="B74" s="57"/>
      <c r="C74" s="57"/>
      <c r="D74" s="57"/>
      <c r="E74" s="58"/>
      <c r="F74" s="59"/>
      <c r="G74" s="60"/>
      <c r="H74" s="61"/>
      <c r="I74" s="62"/>
    </row>
    <row r="75" spans="1:9" s="13" customFormat="1" ht="9.4" customHeight="1">
      <c r="A75" s="50"/>
      <c r="B75" s="63"/>
      <c r="C75" s="63"/>
      <c r="D75" s="63"/>
      <c r="E75" s="64"/>
      <c r="F75" s="65"/>
      <c r="G75" s="66"/>
      <c r="H75" s="67"/>
      <c r="I75" s="68"/>
    </row>
    <row r="76" spans="1:9" s="13" customFormat="1" ht="9.4" customHeight="1">
      <c r="A76" s="69"/>
      <c r="B76" s="7"/>
      <c r="C76" s="7"/>
      <c r="D76" s="7"/>
      <c r="E76" s="8"/>
      <c r="F76" s="70"/>
      <c r="G76" s="10"/>
      <c r="H76" s="11"/>
      <c r="I76" s="56"/>
    </row>
    <row r="77" spans="1:9" s="28" customFormat="1" ht="9.4" customHeight="1">
      <c r="A77" s="48"/>
      <c r="B77" s="15"/>
      <c r="C77" s="71"/>
      <c r="D77" s="15"/>
      <c r="E77" s="16"/>
      <c r="F77" s="72"/>
      <c r="G77" s="18"/>
      <c r="H77" s="19"/>
      <c r="I77" s="62"/>
    </row>
    <row r="78" spans="1:9" s="13" customFormat="1" ht="9.4" customHeight="1">
      <c r="A78" s="49"/>
      <c r="B78" s="22"/>
      <c r="C78" s="22"/>
      <c r="D78" s="22"/>
      <c r="E78" s="23"/>
      <c r="F78" s="24"/>
      <c r="G78" s="25"/>
      <c r="H78" s="26"/>
      <c r="I78" s="73"/>
    </row>
    <row r="79" spans="1:9" s="13" customFormat="1" ht="9.4" customHeight="1">
      <c r="A79" s="69"/>
      <c r="B79" s="51"/>
      <c r="C79" s="51"/>
      <c r="D79" s="51"/>
      <c r="E79" s="52"/>
      <c r="F79" s="53"/>
      <c r="G79" s="54"/>
      <c r="H79" s="74"/>
      <c r="I79" s="56"/>
    </row>
    <row r="80" spans="1:9" s="28" customFormat="1" ht="9.4" customHeight="1">
      <c r="A80" s="48"/>
      <c r="B80" s="57"/>
      <c r="C80" s="57"/>
      <c r="D80" s="57"/>
      <c r="E80" s="58"/>
      <c r="F80" s="59"/>
      <c r="G80" s="60"/>
      <c r="H80" s="75"/>
      <c r="I80" s="62"/>
    </row>
    <row r="81" spans="1:9" s="13" customFormat="1" ht="9.4" customHeight="1">
      <c r="A81" s="76"/>
      <c r="B81" s="77"/>
      <c r="C81" s="78"/>
      <c r="D81" s="78"/>
      <c r="E81" s="79"/>
      <c r="F81" s="80"/>
      <c r="G81" s="81"/>
      <c r="H81" s="82"/>
      <c r="I81" s="83"/>
    </row>
  </sheetData>
  <phoneticPr fontId="10"/>
  <printOptions horizontalCentered="1" verticalCentered="1"/>
  <pageMargins left="0.43307086614173229" right="0.27559055118110237" top="0.70866141732283472" bottom="0.51181102362204722" header="0.43307086614173229" footer="0.43307086614173229"/>
  <pageSetup paperSize="9" scale="95" orientation="portrait" horizontalDpi="4294967294" r:id="rId1"/>
  <headerFooter alignWithMargins="0">
    <oddHeader>&amp;C&amp;"ＭＳ ゴシック,標準"&amp;A</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enableFormatConditionsCalculation="0">
    <tabColor indexed="33"/>
  </sheetPr>
  <dimension ref="A1:K18"/>
  <sheetViews>
    <sheetView zoomScaleNormal="100" zoomScaleSheetLayoutView="100" workbookViewId="0">
      <selection activeCell="D3" sqref="D3"/>
    </sheetView>
  </sheetViews>
  <sheetFormatPr defaultRowHeight="12"/>
  <cols>
    <col min="1" max="2" width="16.140625" customWidth="1"/>
    <col min="3" max="3" width="9.42578125" customWidth="1"/>
    <col min="4" max="11" width="12.85546875" customWidth="1"/>
    <col min="12" max="12" width="2.28515625" customWidth="1"/>
  </cols>
  <sheetData>
    <row r="1" spans="1:11" ht="25.5" customHeight="1">
      <c r="D1" s="90"/>
      <c r="E1" s="286" t="s">
        <v>46</v>
      </c>
      <c r="F1" s="286"/>
      <c r="G1" s="286"/>
      <c r="H1" s="286"/>
      <c r="I1" s="91"/>
      <c r="K1" s="146" t="s">
        <v>20</v>
      </c>
    </row>
    <row r="2" spans="1:11" ht="24.75" customHeight="1">
      <c r="A2" s="287" t="s">
        <v>21</v>
      </c>
      <c r="B2" s="288"/>
      <c r="C2" s="92"/>
      <c r="D2" s="93" t="s">
        <v>22</v>
      </c>
      <c r="E2" s="93" t="s">
        <v>23</v>
      </c>
      <c r="F2" s="93" t="s">
        <v>24</v>
      </c>
      <c r="G2" s="93" t="s">
        <v>25</v>
      </c>
      <c r="H2" s="93" t="s">
        <v>26</v>
      </c>
      <c r="I2" s="94" t="s">
        <v>27</v>
      </c>
      <c r="J2" s="93" t="s">
        <v>28</v>
      </c>
      <c r="K2" s="95" t="s">
        <v>10</v>
      </c>
    </row>
    <row r="3" spans="1:11" ht="24.75" customHeight="1">
      <c r="A3" s="278"/>
      <c r="B3" s="279"/>
      <c r="C3" s="97"/>
      <c r="D3" s="103"/>
      <c r="E3" s="103"/>
      <c r="F3" s="103"/>
      <c r="G3" s="103"/>
      <c r="H3" s="103"/>
      <c r="I3" s="168"/>
      <c r="J3" s="103"/>
      <c r="K3" s="100"/>
    </row>
    <row r="4" spans="1:11" ht="24.75" customHeight="1">
      <c r="A4" s="284" t="s">
        <v>29</v>
      </c>
      <c r="B4" s="285"/>
      <c r="C4" s="97"/>
      <c r="D4" s="103"/>
      <c r="E4" s="103"/>
      <c r="F4" s="103"/>
      <c r="G4" s="103"/>
      <c r="H4" s="103"/>
      <c r="I4" s="103"/>
      <c r="J4" s="103"/>
      <c r="K4" s="154"/>
    </row>
    <row r="5" spans="1:11" ht="24.75" customHeight="1">
      <c r="A5" s="284" t="s">
        <v>30</v>
      </c>
      <c r="B5" s="285"/>
      <c r="C5" s="97"/>
      <c r="D5" s="169"/>
      <c r="E5" s="103"/>
      <c r="F5" s="103"/>
      <c r="G5" s="103"/>
      <c r="H5" s="103"/>
      <c r="I5" s="103"/>
      <c r="J5" s="103"/>
      <c r="K5" s="154"/>
    </row>
    <row r="6" spans="1:11" ht="24.75" customHeight="1">
      <c r="A6" s="284" t="s">
        <v>31</v>
      </c>
      <c r="B6" s="285"/>
      <c r="C6" s="97"/>
      <c r="D6" s="103"/>
      <c r="E6" s="103"/>
      <c r="F6" s="103"/>
      <c r="G6" s="103"/>
      <c r="H6" s="103"/>
      <c r="I6" s="103"/>
      <c r="J6" s="103"/>
      <c r="K6" s="154"/>
    </row>
    <row r="7" spans="1:11" ht="24.75" customHeight="1">
      <c r="A7" s="278"/>
      <c r="B7" s="279"/>
      <c r="C7" s="97"/>
      <c r="D7" s="103"/>
      <c r="E7" s="103"/>
      <c r="F7" s="103"/>
      <c r="G7" s="103"/>
      <c r="H7" s="103"/>
      <c r="I7" s="103"/>
      <c r="J7" s="103"/>
      <c r="K7" s="154"/>
    </row>
    <row r="8" spans="1:11" ht="24.75" customHeight="1">
      <c r="A8" s="278"/>
      <c r="B8" s="279"/>
      <c r="C8" s="97"/>
      <c r="D8" s="103"/>
      <c r="E8" s="103"/>
      <c r="F8" s="103"/>
      <c r="G8" s="103"/>
      <c r="H8" s="103"/>
      <c r="I8" s="103"/>
      <c r="J8" s="103"/>
      <c r="K8" s="154"/>
    </row>
    <row r="9" spans="1:11" ht="24.75" customHeight="1">
      <c r="A9" s="278"/>
      <c r="B9" s="279"/>
      <c r="C9" s="97"/>
      <c r="D9" s="103"/>
      <c r="E9" s="103"/>
      <c r="F9" s="103"/>
      <c r="G9" s="103"/>
      <c r="H9" s="103"/>
      <c r="I9" s="103"/>
      <c r="J9" s="103"/>
      <c r="K9" s="154"/>
    </row>
    <row r="10" spans="1:11" ht="24.75" customHeight="1">
      <c r="A10" s="278"/>
      <c r="B10" s="279"/>
      <c r="C10" s="97"/>
      <c r="D10" s="103"/>
      <c r="E10" s="103"/>
      <c r="F10" s="103"/>
      <c r="G10" s="103"/>
      <c r="H10" s="103"/>
      <c r="I10" s="103"/>
      <c r="J10" s="103"/>
      <c r="K10" s="154"/>
    </row>
    <row r="11" spans="1:11" ht="24.75" customHeight="1">
      <c r="A11" s="278"/>
      <c r="B11" s="279"/>
      <c r="C11" s="97"/>
      <c r="D11" s="103"/>
      <c r="E11" s="103"/>
      <c r="F11" s="103"/>
      <c r="G11" s="103"/>
      <c r="H11" s="103"/>
      <c r="I11" s="103"/>
      <c r="J11" s="103"/>
      <c r="K11" s="154"/>
    </row>
    <row r="12" spans="1:11" ht="24.75" customHeight="1">
      <c r="A12" s="278" t="s">
        <v>19</v>
      </c>
      <c r="B12" s="279"/>
      <c r="C12" s="97"/>
      <c r="D12" s="103"/>
      <c r="E12" s="103"/>
      <c r="F12" s="103"/>
      <c r="G12" s="103"/>
      <c r="H12" s="103"/>
      <c r="I12" s="103"/>
      <c r="J12" s="103"/>
      <c r="K12" s="154"/>
    </row>
    <row r="13" spans="1:11" ht="24.75" customHeight="1">
      <c r="A13" s="278"/>
      <c r="B13" s="279"/>
      <c r="C13" s="97"/>
      <c r="D13" s="98"/>
      <c r="E13" s="98"/>
      <c r="F13" s="98"/>
      <c r="G13" s="98"/>
      <c r="H13" s="98"/>
      <c r="I13" s="99"/>
      <c r="J13" s="98"/>
      <c r="K13" s="100"/>
    </row>
    <row r="14" spans="1:11" ht="24.75" customHeight="1">
      <c r="A14" s="284" t="s">
        <v>32</v>
      </c>
      <c r="B14" s="285"/>
      <c r="C14" s="96"/>
      <c r="D14" s="103"/>
      <c r="E14" s="156"/>
      <c r="F14" s="156"/>
      <c r="G14" s="156"/>
      <c r="H14" s="156"/>
      <c r="I14" s="156"/>
      <c r="J14" s="156"/>
      <c r="K14" s="106"/>
    </row>
    <row r="15" spans="1:11" ht="24.75" customHeight="1">
      <c r="A15" s="278"/>
      <c r="B15" s="279"/>
      <c r="C15" s="97"/>
      <c r="D15" s="98"/>
      <c r="E15" s="98"/>
      <c r="F15" s="98"/>
      <c r="G15" s="98"/>
      <c r="H15" s="98"/>
      <c r="I15" s="99"/>
      <c r="J15" s="98"/>
      <c r="K15" s="100"/>
    </row>
    <row r="16" spans="1:11" ht="24.75" customHeight="1">
      <c r="A16" s="280"/>
      <c r="B16" s="281"/>
      <c r="C16" s="107"/>
      <c r="D16" s="108"/>
      <c r="E16" s="108"/>
      <c r="F16" s="108"/>
      <c r="G16" s="108"/>
      <c r="H16" s="108"/>
      <c r="I16" s="109"/>
      <c r="J16" s="108"/>
      <c r="K16" s="153"/>
    </row>
    <row r="17" spans="1:11" ht="24.75" customHeight="1">
      <c r="A17" s="282" t="s">
        <v>33</v>
      </c>
      <c r="B17" s="283"/>
      <c r="C17" s="110"/>
      <c r="D17" s="111"/>
      <c r="E17" s="112"/>
      <c r="F17" s="166"/>
      <c r="G17" s="166"/>
      <c r="H17" s="166"/>
      <c r="I17" s="113"/>
      <c r="J17" s="112"/>
      <c r="K17" s="167"/>
    </row>
    <row r="18" spans="1:11" ht="25.5" customHeight="1">
      <c r="B18" s="117"/>
      <c r="C18" s="117"/>
      <c r="D18" s="118"/>
      <c r="E18" s="289"/>
      <c r="F18" s="289"/>
      <c r="G18" s="289"/>
      <c r="H18" s="289"/>
      <c r="I18" s="119"/>
      <c r="J18" s="117"/>
      <c r="K18" s="120"/>
    </row>
  </sheetData>
  <mergeCells count="18">
    <mergeCell ref="E18:H18"/>
    <mergeCell ref="E1:H1"/>
    <mergeCell ref="A2:B2"/>
    <mergeCell ref="A3:B3"/>
    <mergeCell ref="A4:B4"/>
    <mergeCell ref="A5:B5"/>
    <mergeCell ref="A11:B11"/>
    <mergeCell ref="A16:B16"/>
    <mergeCell ref="A17:B17"/>
    <mergeCell ref="A6:B6"/>
    <mergeCell ref="A7:B7"/>
    <mergeCell ref="A8:B8"/>
    <mergeCell ref="A9:B9"/>
    <mergeCell ref="A10:B10"/>
    <mergeCell ref="A12:B12"/>
    <mergeCell ref="A13:B13"/>
    <mergeCell ref="A14:B14"/>
    <mergeCell ref="A15:B15"/>
  </mergeCells>
  <phoneticPr fontId="5"/>
  <printOptions horizontalCentered="1" verticalCentered="1"/>
  <pageMargins left="0.74803149606299213" right="0.74803149606299213" top="0.98425196850393704" bottom="0.98425196850393704" header="0.51181102362204722" footer="0.51181102362204722"/>
  <pageSetup paperSize="9" orientation="landscape" horizontalDpi="4294967294" r:id="rId1"/>
  <headerFooter alignWithMargins="0">
    <oddHeader>&amp;A</oddHeader>
    <oddFooter>- &amp;P -</oddFooter>
  </headerFooter>
  <rowBreaks count="1" manualBreakCount="1">
    <brk id="17" max="12"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enableFormatConditionsCalculation="0">
    <tabColor indexed="33"/>
  </sheetPr>
  <dimension ref="A1:K18"/>
  <sheetViews>
    <sheetView zoomScaleNormal="100" zoomScaleSheetLayoutView="100" workbookViewId="0">
      <selection activeCell="D3" sqref="D3"/>
    </sheetView>
  </sheetViews>
  <sheetFormatPr defaultRowHeight="12"/>
  <cols>
    <col min="1" max="2" width="16.140625" customWidth="1"/>
    <col min="3" max="3" width="9.42578125" customWidth="1"/>
    <col min="4" max="11" width="12.85546875" customWidth="1"/>
    <col min="12" max="12" width="2.28515625" customWidth="1"/>
  </cols>
  <sheetData>
    <row r="1" spans="1:11" ht="24.75" customHeight="1">
      <c r="A1" s="114"/>
      <c r="B1" s="114"/>
      <c r="C1" s="114"/>
      <c r="D1" s="115"/>
      <c r="E1" s="286" t="s">
        <v>47</v>
      </c>
      <c r="F1" s="286"/>
      <c r="G1" s="286"/>
      <c r="H1" s="286"/>
      <c r="I1" s="116"/>
      <c r="J1" s="114"/>
      <c r="K1" s="146" t="s">
        <v>34</v>
      </c>
    </row>
    <row r="2" spans="1:11" ht="24.75" customHeight="1">
      <c r="A2" s="287" t="s">
        <v>21</v>
      </c>
      <c r="B2" s="288"/>
      <c r="C2" s="92"/>
      <c r="D2" s="93" t="s">
        <v>22</v>
      </c>
      <c r="E2" s="93" t="s">
        <v>23</v>
      </c>
      <c r="F2" s="93" t="s">
        <v>24</v>
      </c>
      <c r="G2" s="93" t="s">
        <v>25</v>
      </c>
      <c r="H2" s="93" t="s">
        <v>26</v>
      </c>
      <c r="I2" s="94" t="s">
        <v>27</v>
      </c>
      <c r="J2" s="93" t="s">
        <v>28</v>
      </c>
      <c r="K2" s="95" t="s">
        <v>10</v>
      </c>
    </row>
    <row r="3" spans="1:11" ht="24.75" customHeight="1">
      <c r="A3" s="284"/>
      <c r="B3" s="285"/>
      <c r="C3" s="97"/>
      <c r="D3" s="98"/>
      <c r="E3" s="98"/>
      <c r="F3" s="98"/>
      <c r="G3" s="98"/>
      <c r="H3" s="98"/>
      <c r="I3" s="99"/>
      <c r="J3" s="98"/>
      <c r="K3" s="100"/>
    </row>
    <row r="4" spans="1:11" ht="24.75" customHeight="1">
      <c r="A4" s="284" t="s">
        <v>35</v>
      </c>
      <c r="B4" s="285"/>
      <c r="C4" s="97"/>
      <c r="D4" s="98"/>
      <c r="E4" s="98"/>
      <c r="F4" s="98"/>
      <c r="G4" s="159"/>
      <c r="H4" s="159"/>
      <c r="I4" s="159"/>
      <c r="J4" s="98"/>
      <c r="K4" s="154"/>
    </row>
    <row r="5" spans="1:11" ht="24.75" customHeight="1">
      <c r="A5" s="290" t="s">
        <v>77</v>
      </c>
      <c r="B5" s="291"/>
      <c r="C5" s="97"/>
      <c r="D5" s="101"/>
      <c r="E5" s="98"/>
      <c r="F5" s="98"/>
      <c r="G5" s="159"/>
      <c r="H5" s="159"/>
      <c r="I5" s="159"/>
      <c r="J5" s="98"/>
      <c r="K5" s="100"/>
    </row>
    <row r="6" spans="1:11" ht="24.75" customHeight="1">
      <c r="A6" s="284"/>
      <c r="B6" s="285"/>
      <c r="C6" s="97"/>
      <c r="D6" s="98"/>
      <c r="E6" s="98"/>
      <c r="F6" s="98"/>
      <c r="G6" s="159"/>
      <c r="H6" s="159"/>
      <c r="I6" s="159"/>
      <c r="J6" s="98"/>
      <c r="K6" s="100"/>
    </row>
    <row r="7" spans="1:11" ht="24.75" customHeight="1">
      <c r="A7" s="284"/>
      <c r="B7" s="285"/>
      <c r="C7" s="97"/>
      <c r="D7" s="98"/>
      <c r="E7" s="98"/>
      <c r="F7" s="98"/>
      <c r="G7" s="159"/>
      <c r="H7" s="159"/>
      <c r="I7" s="159"/>
      <c r="J7" s="98"/>
      <c r="K7" s="100"/>
    </row>
    <row r="8" spans="1:11" ht="24.75" customHeight="1">
      <c r="A8" s="284"/>
      <c r="B8" s="285"/>
      <c r="C8" s="97"/>
      <c r="D8" s="98"/>
      <c r="E8" s="98"/>
      <c r="F8" s="98"/>
      <c r="G8" s="159"/>
      <c r="H8" s="159"/>
      <c r="I8" s="159"/>
      <c r="J8" s="98"/>
      <c r="K8" s="100"/>
    </row>
    <row r="9" spans="1:11" ht="24.75" customHeight="1">
      <c r="A9" s="284"/>
      <c r="B9" s="285"/>
      <c r="C9" s="97"/>
      <c r="D9" s="98"/>
      <c r="E9" s="98"/>
      <c r="F9" s="98"/>
      <c r="G9" s="159"/>
      <c r="H9" s="159"/>
      <c r="I9" s="159"/>
      <c r="J9" s="98"/>
      <c r="K9" s="100"/>
    </row>
    <row r="10" spans="1:11" ht="24.75" customHeight="1">
      <c r="A10" s="284"/>
      <c r="B10" s="285"/>
      <c r="C10" s="97"/>
      <c r="D10" s="98"/>
      <c r="E10" s="98"/>
      <c r="F10" s="98"/>
      <c r="G10" s="159"/>
      <c r="H10" s="159"/>
      <c r="I10" s="159"/>
      <c r="J10" s="98"/>
      <c r="K10" s="100"/>
    </row>
    <row r="11" spans="1:11" ht="24.75" customHeight="1">
      <c r="A11" s="284"/>
      <c r="B11" s="285"/>
      <c r="C11" s="97"/>
      <c r="D11" s="98"/>
      <c r="E11" s="98"/>
      <c r="F11" s="98"/>
      <c r="G11" s="159"/>
      <c r="H11" s="159"/>
      <c r="I11" s="159"/>
      <c r="J11" s="98"/>
      <c r="K11" s="100"/>
    </row>
    <row r="12" spans="1:11" ht="24.75" customHeight="1">
      <c r="A12" s="278" t="s">
        <v>19</v>
      </c>
      <c r="B12" s="279"/>
      <c r="C12" s="97"/>
      <c r="D12" s="98"/>
      <c r="E12" s="98"/>
      <c r="F12" s="102"/>
      <c r="G12" s="159"/>
      <c r="H12" s="159"/>
      <c r="I12" s="159"/>
      <c r="J12" s="102"/>
      <c r="K12" s="154"/>
    </row>
    <row r="13" spans="1:11" ht="24.75" customHeight="1">
      <c r="A13" s="278"/>
      <c r="B13" s="279"/>
      <c r="C13" s="97"/>
      <c r="D13" s="98"/>
      <c r="E13" s="98"/>
      <c r="F13" s="98"/>
      <c r="G13" s="98"/>
      <c r="H13" s="98"/>
      <c r="I13" s="99"/>
      <c r="J13" s="98"/>
      <c r="K13" s="100"/>
    </row>
    <row r="14" spans="1:11" ht="24.75" customHeight="1">
      <c r="A14" s="284" t="s">
        <v>32</v>
      </c>
      <c r="B14" s="285"/>
      <c r="C14" s="96"/>
      <c r="D14" s="103"/>
      <c r="E14" s="156"/>
      <c r="F14" s="156"/>
      <c r="G14" s="156"/>
      <c r="H14" s="156"/>
      <c r="I14" s="156"/>
      <c r="J14" s="156"/>
      <c r="K14" s="106"/>
    </row>
    <row r="15" spans="1:11" ht="24.75" customHeight="1">
      <c r="A15" s="278"/>
      <c r="B15" s="279"/>
      <c r="C15" s="97"/>
      <c r="D15" s="98"/>
      <c r="E15" s="98"/>
      <c r="F15" s="98"/>
      <c r="G15" s="98"/>
      <c r="H15" s="98"/>
      <c r="I15" s="99"/>
      <c r="J15" s="98"/>
      <c r="K15" s="100"/>
    </row>
    <row r="16" spans="1:11" ht="24.75" customHeight="1">
      <c r="A16" s="280"/>
      <c r="B16" s="281"/>
      <c r="C16" s="107"/>
      <c r="D16" s="108"/>
      <c r="E16" s="108"/>
      <c r="F16" s="108"/>
      <c r="G16" s="108"/>
      <c r="H16" s="108"/>
      <c r="I16" s="109"/>
      <c r="J16" s="108"/>
      <c r="K16" s="153"/>
    </row>
    <row r="17" spans="1:11" ht="24.75" customHeight="1">
      <c r="A17" s="282" t="s">
        <v>33</v>
      </c>
      <c r="B17" s="283"/>
      <c r="C17" s="110"/>
      <c r="D17" s="111"/>
      <c r="E17" s="112"/>
      <c r="F17" s="112"/>
      <c r="G17" s="166"/>
      <c r="H17" s="166"/>
      <c r="I17" s="113"/>
      <c r="J17" s="112"/>
      <c r="K17" s="167"/>
    </row>
    <row r="18" spans="1:11" ht="25.5" customHeight="1">
      <c r="B18" s="163"/>
      <c r="C18" s="163"/>
      <c r="D18" s="164"/>
      <c r="E18" s="292"/>
      <c r="F18" s="292"/>
      <c r="G18" s="292"/>
      <c r="H18" s="292"/>
      <c r="I18" s="91"/>
      <c r="J18" s="163"/>
      <c r="K18" s="165"/>
    </row>
  </sheetData>
  <mergeCells count="18">
    <mergeCell ref="A13:B13"/>
    <mergeCell ref="A14:B14"/>
    <mergeCell ref="A15:B15"/>
    <mergeCell ref="A2:B2"/>
    <mergeCell ref="E18:H18"/>
    <mergeCell ref="A7:B7"/>
    <mergeCell ref="A8:B8"/>
    <mergeCell ref="A9:B9"/>
    <mergeCell ref="A10:B10"/>
    <mergeCell ref="A11:B11"/>
    <mergeCell ref="A16:B16"/>
    <mergeCell ref="A17:B17"/>
    <mergeCell ref="A12:B12"/>
    <mergeCell ref="E1:H1"/>
    <mergeCell ref="A3:B3"/>
    <mergeCell ref="A4:B4"/>
    <mergeCell ref="A5:B5"/>
    <mergeCell ref="A6:B6"/>
  </mergeCells>
  <phoneticPr fontId="5"/>
  <printOptions horizontalCentered="1" verticalCentered="1"/>
  <pageMargins left="0.74803149606299213" right="0.74803149606299213" top="0.98425196850393704" bottom="0.98425196850393704" header="0.51181102362204722" footer="0.51181102362204722"/>
  <pageSetup paperSize="9" orientation="landscape" horizontalDpi="4294967294" r:id="rId1"/>
  <headerFooter alignWithMargins="0">
    <oddHeader>&amp;A</oddHeader>
    <oddFooter>- &amp;P -</oddFooter>
  </headerFooter>
  <rowBreaks count="1" manualBreakCount="1">
    <brk id="17" max="12"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enableFormatConditionsCalculation="0">
    <tabColor indexed="33"/>
  </sheetPr>
  <dimension ref="A1:K32"/>
  <sheetViews>
    <sheetView zoomScaleNormal="100" zoomScaleSheetLayoutView="100" workbookViewId="0">
      <selection activeCell="D3" sqref="D3"/>
    </sheetView>
  </sheetViews>
  <sheetFormatPr defaultRowHeight="12"/>
  <cols>
    <col min="1" max="1" width="14.140625" bestFit="1" customWidth="1"/>
    <col min="2" max="3" width="13.140625" style="121" customWidth="1"/>
    <col min="4" max="4" width="9.42578125" customWidth="1"/>
    <col min="5" max="11" width="13.7109375" customWidth="1"/>
  </cols>
  <sheetData>
    <row r="1" spans="1:11" ht="30" customHeight="1">
      <c r="E1" s="317"/>
      <c r="F1" s="317"/>
      <c r="G1" s="317"/>
      <c r="H1" s="317"/>
      <c r="I1" s="313" t="s">
        <v>79</v>
      </c>
      <c r="J1" s="314"/>
      <c r="K1" s="146" t="s">
        <v>49</v>
      </c>
    </row>
    <row r="2" spans="1:11" s="122" customFormat="1" ht="22.5" customHeight="1">
      <c r="A2" s="318" t="s">
        <v>36</v>
      </c>
      <c r="B2" s="319"/>
      <c r="C2" s="320"/>
      <c r="D2" s="140" t="s">
        <v>37</v>
      </c>
      <c r="E2" s="141" t="s">
        <v>23</v>
      </c>
      <c r="F2" s="141" t="s">
        <v>24</v>
      </c>
      <c r="G2" s="141" t="s">
        <v>25</v>
      </c>
      <c r="H2" s="141" t="s">
        <v>26</v>
      </c>
      <c r="I2" s="141" t="s">
        <v>27</v>
      </c>
      <c r="J2" s="141" t="s">
        <v>28</v>
      </c>
      <c r="K2" s="142" t="s">
        <v>10</v>
      </c>
    </row>
    <row r="3" spans="1:11" ht="23.25" customHeight="1">
      <c r="A3" s="175" t="s">
        <v>74</v>
      </c>
      <c r="B3" s="295" t="s">
        <v>38</v>
      </c>
      <c r="C3" s="296"/>
      <c r="D3" s="143"/>
      <c r="E3" s="147"/>
      <c r="F3" s="147"/>
      <c r="G3" s="147"/>
      <c r="H3" s="147"/>
      <c r="I3" s="147"/>
      <c r="J3" s="147"/>
      <c r="K3" s="148"/>
    </row>
    <row r="4" spans="1:11" ht="18" customHeight="1">
      <c r="A4" s="170" t="s">
        <v>69</v>
      </c>
      <c r="B4" s="297" t="s">
        <v>39</v>
      </c>
      <c r="C4" s="127" t="s">
        <v>43</v>
      </c>
      <c r="D4" s="123"/>
      <c r="E4" s="149"/>
      <c r="F4" s="149"/>
      <c r="G4" s="149"/>
      <c r="H4" s="149"/>
      <c r="I4" s="149"/>
      <c r="J4" s="149"/>
      <c r="K4" s="125"/>
    </row>
    <row r="5" spans="1:11" ht="18" customHeight="1">
      <c r="A5" s="170" t="s">
        <v>72</v>
      </c>
      <c r="B5" s="298"/>
      <c r="C5" s="127" t="s">
        <v>44</v>
      </c>
      <c r="D5" s="123"/>
      <c r="E5" s="149"/>
      <c r="F5" s="149"/>
      <c r="G5" s="149"/>
      <c r="H5" s="149"/>
      <c r="I5" s="149"/>
      <c r="J5" s="149"/>
      <c r="K5" s="150"/>
    </row>
    <row r="6" spans="1:11" ht="18" customHeight="1">
      <c r="A6" s="170" t="s">
        <v>73</v>
      </c>
      <c r="B6" s="299" t="s">
        <v>45</v>
      </c>
      <c r="C6" s="300"/>
      <c r="D6" s="123"/>
      <c r="E6" s="149"/>
      <c r="F6" s="149"/>
      <c r="G6" s="149"/>
      <c r="H6" s="149"/>
      <c r="I6" s="149"/>
      <c r="J6" s="149"/>
      <c r="K6" s="150"/>
    </row>
    <row r="7" spans="1:11" ht="18" customHeight="1">
      <c r="A7" s="170" t="s">
        <v>70</v>
      </c>
      <c r="B7" s="301" t="s">
        <v>40</v>
      </c>
      <c r="C7" s="302"/>
      <c r="D7" s="124"/>
      <c r="E7" s="149"/>
      <c r="F7" s="149"/>
      <c r="G7" s="149"/>
      <c r="H7" s="149"/>
      <c r="I7" s="149"/>
      <c r="J7" s="149"/>
      <c r="K7" s="150"/>
    </row>
    <row r="8" spans="1:11" ht="18" customHeight="1">
      <c r="A8" s="170"/>
      <c r="B8" s="301" t="s">
        <v>41</v>
      </c>
      <c r="C8" s="302"/>
      <c r="D8" s="124"/>
      <c r="E8" s="149"/>
      <c r="F8" s="149"/>
      <c r="G8" s="149"/>
      <c r="H8" s="149"/>
      <c r="I8" s="149"/>
      <c r="J8" s="149"/>
      <c r="K8" s="150"/>
    </row>
    <row r="9" spans="1:11" ht="18" customHeight="1">
      <c r="A9" s="172"/>
      <c r="B9" s="162"/>
      <c r="C9" s="161"/>
      <c r="D9" s="128"/>
      <c r="E9" s="149"/>
      <c r="F9" s="149"/>
      <c r="G9" s="149"/>
      <c r="H9" s="149"/>
      <c r="I9" s="149"/>
      <c r="J9" s="149"/>
      <c r="K9" s="150"/>
    </row>
    <row r="10" spans="1:11" ht="18" customHeight="1">
      <c r="A10" s="171"/>
      <c r="B10" s="315" t="s">
        <v>68</v>
      </c>
      <c r="C10" s="316"/>
      <c r="D10" s="145"/>
      <c r="E10" s="155"/>
      <c r="F10" s="155"/>
      <c r="G10" s="155"/>
      <c r="H10" s="155"/>
      <c r="I10" s="155"/>
      <c r="J10" s="155"/>
      <c r="K10" s="151"/>
    </row>
    <row r="11" spans="1:11" ht="23.25" customHeight="1">
      <c r="A11" s="175" t="s">
        <v>75</v>
      </c>
      <c r="B11" s="303" t="s">
        <v>38</v>
      </c>
      <c r="C11" s="304"/>
      <c r="D11" s="143"/>
      <c r="E11" s="147"/>
      <c r="F11" s="147"/>
      <c r="G11" s="147"/>
      <c r="H11" s="147"/>
      <c r="I11" s="147"/>
      <c r="J11" s="147"/>
      <c r="K11" s="148"/>
    </row>
    <row r="12" spans="1:11" ht="18" customHeight="1">
      <c r="A12" s="170" t="s">
        <v>69</v>
      </c>
      <c r="B12" s="305" t="s">
        <v>39</v>
      </c>
      <c r="C12" s="130" t="s">
        <v>43</v>
      </c>
      <c r="D12" s="123"/>
      <c r="E12" s="149"/>
      <c r="F12" s="149"/>
      <c r="G12" s="149"/>
      <c r="H12" s="149"/>
      <c r="I12" s="149"/>
      <c r="J12" s="149"/>
      <c r="K12" s="125"/>
    </row>
    <row r="13" spans="1:11" ht="18" customHeight="1">
      <c r="A13" s="170" t="s">
        <v>73</v>
      </c>
      <c r="B13" s="306"/>
      <c r="C13" s="130" t="s">
        <v>44</v>
      </c>
      <c r="D13" s="123"/>
      <c r="E13" s="149"/>
      <c r="F13" s="149"/>
      <c r="G13" s="149"/>
      <c r="H13" s="149"/>
      <c r="I13" s="149"/>
      <c r="J13" s="149"/>
      <c r="K13" s="150"/>
    </row>
    <row r="14" spans="1:11" ht="18" customHeight="1">
      <c r="A14" s="129"/>
      <c r="B14" s="301" t="s">
        <v>45</v>
      </c>
      <c r="C14" s="302"/>
      <c r="D14" s="123"/>
      <c r="E14" s="149"/>
      <c r="F14" s="149"/>
      <c r="G14" s="149"/>
      <c r="H14" s="149"/>
      <c r="I14" s="149"/>
      <c r="J14" s="149"/>
      <c r="K14" s="150"/>
    </row>
    <row r="15" spans="1:11" ht="18" customHeight="1">
      <c r="A15" s="129"/>
      <c r="B15" s="301" t="s">
        <v>40</v>
      </c>
      <c r="C15" s="302"/>
      <c r="D15" s="124"/>
      <c r="E15" s="149"/>
      <c r="F15" s="149"/>
      <c r="G15" s="149"/>
      <c r="H15" s="149"/>
      <c r="I15" s="149"/>
      <c r="J15" s="149"/>
      <c r="K15" s="150"/>
    </row>
    <row r="16" spans="1:11" ht="18" customHeight="1">
      <c r="A16" s="129"/>
      <c r="B16" s="301" t="s">
        <v>41</v>
      </c>
      <c r="C16" s="302"/>
      <c r="D16" s="124"/>
      <c r="E16" s="149"/>
      <c r="F16" s="149"/>
      <c r="G16" s="149"/>
      <c r="H16" s="149"/>
      <c r="I16" s="149"/>
      <c r="J16" s="149"/>
      <c r="K16" s="150"/>
    </row>
    <row r="17" spans="1:11" ht="18" customHeight="1">
      <c r="A17" s="174"/>
      <c r="B17" s="162"/>
      <c r="C17" s="161"/>
      <c r="D17" s="128"/>
      <c r="E17" s="149"/>
      <c r="F17" s="149"/>
      <c r="G17" s="149"/>
      <c r="H17" s="149"/>
      <c r="I17" s="149"/>
      <c r="J17" s="149"/>
      <c r="K17" s="150"/>
    </row>
    <row r="18" spans="1:11" ht="18" customHeight="1">
      <c r="A18" s="131"/>
      <c r="B18" s="315" t="s">
        <v>68</v>
      </c>
      <c r="C18" s="316"/>
      <c r="D18" s="145"/>
      <c r="E18" s="155"/>
      <c r="F18" s="155"/>
      <c r="G18" s="155"/>
      <c r="H18" s="155"/>
      <c r="I18" s="155"/>
      <c r="J18" s="155"/>
      <c r="K18" s="151"/>
    </row>
    <row r="19" spans="1:11" ht="23.25" customHeight="1">
      <c r="A19" s="175" t="s">
        <v>71</v>
      </c>
      <c r="B19" s="295" t="s">
        <v>38</v>
      </c>
      <c r="C19" s="296"/>
      <c r="D19" s="143"/>
      <c r="E19" s="147"/>
      <c r="F19" s="147"/>
      <c r="G19" s="147"/>
      <c r="H19" s="147"/>
      <c r="I19" s="147"/>
      <c r="J19" s="147"/>
      <c r="K19" s="148"/>
    </row>
    <row r="20" spans="1:11" ht="18" customHeight="1">
      <c r="A20" s="170" t="s">
        <v>69</v>
      </c>
      <c r="B20" s="297" t="s">
        <v>39</v>
      </c>
      <c r="C20" s="127" t="s">
        <v>43</v>
      </c>
      <c r="D20" s="123"/>
      <c r="E20" s="149"/>
      <c r="F20" s="149"/>
      <c r="G20" s="149"/>
      <c r="H20" s="149"/>
      <c r="I20" s="149"/>
      <c r="J20" s="149"/>
      <c r="K20" s="125"/>
    </row>
    <row r="21" spans="1:11" ht="18" customHeight="1">
      <c r="A21" s="170" t="s">
        <v>73</v>
      </c>
      <c r="B21" s="298"/>
      <c r="C21" s="127" t="s">
        <v>44</v>
      </c>
      <c r="D21" s="123"/>
      <c r="E21" s="149"/>
      <c r="F21" s="149"/>
      <c r="G21" s="149"/>
      <c r="H21" s="149"/>
      <c r="I21" s="149"/>
      <c r="J21" s="149"/>
      <c r="K21" s="150"/>
    </row>
    <row r="22" spans="1:11" ht="18" customHeight="1">
      <c r="A22" s="126"/>
      <c r="B22" s="299" t="s">
        <v>45</v>
      </c>
      <c r="C22" s="300"/>
      <c r="D22" s="123"/>
      <c r="E22" s="149"/>
      <c r="F22" s="149"/>
      <c r="G22" s="149"/>
      <c r="H22" s="149"/>
      <c r="I22" s="149"/>
      <c r="J22" s="149"/>
      <c r="K22" s="150"/>
    </row>
    <row r="23" spans="1:11" ht="18" customHeight="1">
      <c r="A23" s="126"/>
      <c r="B23" s="301" t="s">
        <v>40</v>
      </c>
      <c r="C23" s="302"/>
      <c r="D23" s="124"/>
      <c r="E23" s="149"/>
      <c r="F23" s="149"/>
      <c r="G23" s="149"/>
      <c r="H23" s="149"/>
      <c r="I23" s="149"/>
      <c r="J23" s="149"/>
      <c r="K23" s="150"/>
    </row>
    <row r="24" spans="1:11" ht="18" customHeight="1">
      <c r="A24" s="126"/>
      <c r="B24" s="301" t="s">
        <v>41</v>
      </c>
      <c r="C24" s="302"/>
      <c r="D24" s="124"/>
      <c r="E24" s="149"/>
      <c r="F24" s="149"/>
      <c r="G24" s="149"/>
      <c r="H24" s="149"/>
      <c r="I24" s="149"/>
      <c r="J24" s="149"/>
      <c r="K24" s="150"/>
    </row>
    <row r="25" spans="1:11" ht="18" customHeight="1">
      <c r="A25" s="173"/>
      <c r="B25" s="162"/>
      <c r="C25" s="161"/>
      <c r="D25" s="128"/>
      <c r="E25" s="149"/>
      <c r="F25" s="149"/>
      <c r="G25" s="149"/>
      <c r="H25" s="149"/>
      <c r="I25" s="149"/>
      <c r="J25" s="149"/>
      <c r="K25" s="150"/>
    </row>
    <row r="26" spans="1:11" ht="18" customHeight="1">
      <c r="A26" s="144"/>
      <c r="B26" s="315" t="s">
        <v>68</v>
      </c>
      <c r="C26" s="316"/>
      <c r="D26" s="145"/>
      <c r="E26" s="155"/>
      <c r="F26" s="155"/>
      <c r="G26" s="155"/>
      <c r="H26" s="155"/>
      <c r="I26" s="155"/>
      <c r="J26" s="155"/>
      <c r="K26" s="151"/>
    </row>
    <row r="27" spans="1:11" ht="18" customHeight="1">
      <c r="A27" s="307" t="s">
        <v>19</v>
      </c>
      <c r="B27" s="294"/>
      <c r="C27" s="294"/>
      <c r="D27" s="132"/>
      <c r="E27" s="133"/>
      <c r="F27" s="133"/>
      <c r="G27" s="133"/>
      <c r="H27" s="133"/>
      <c r="I27" s="133"/>
      <c r="J27" s="133"/>
      <c r="K27" s="134"/>
    </row>
    <row r="28" spans="1:11" ht="6.75" customHeight="1">
      <c r="A28" s="310"/>
      <c r="B28" s="311"/>
      <c r="C28" s="312"/>
      <c r="D28" s="132"/>
      <c r="E28" s="135"/>
      <c r="F28" s="135"/>
      <c r="G28" s="135"/>
      <c r="H28" s="135"/>
      <c r="I28" s="135"/>
      <c r="J28" s="135"/>
      <c r="K28" s="136"/>
    </row>
    <row r="29" spans="1:11" ht="18.75" customHeight="1">
      <c r="A29" s="308" t="s">
        <v>50</v>
      </c>
      <c r="B29" s="309"/>
      <c r="C29" s="309"/>
      <c r="D29" s="137"/>
      <c r="E29" s="138"/>
      <c r="F29" s="138"/>
      <c r="G29" s="138"/>
      <c r="H29" s="138"/>
      <c r="I29" s="138"/>
      <c r="J29" s="138"/>
      <c r="K29" s="136"/>
    </row>
    <row r="30" spans="1:11" ht="18.75" customHeight="1">
      <c r="A30" s="293" t="s">
        <v>48</v>
      </c>
      <c r="B30" s="294"/>
      <c r="C30" s="294"/>
      <c r="D30" s="132"/>
      <c r="E30" s="104"/>
      <c r="F30" s="104"/>
      <c r="G30" s="104"/>
      <c r="H30" s="104"/>
      <c r="I30" s="105"/>
      <c r="J30" s="104"/>
      <c r="K30" s="152"/>
    </row>
    <row r="31" spans="1:11" ht="18.75" customHeight="1">
      <c r="A31" s="293" t="s">
        <v>42</v>
      </c>
      <c r="B31" s="294"/>
      <c r="C31" s="294"/>
      <c r="D31" s="132"/>
      <c r="E31" s="112"/>
      <c r="F31" s="112"/>
      <c r="G31" s="112"/>
      <c r="H31" s="112"/>
      <c r="I31" s="112"/>
      <c r="J31" s="112"/>
      <c r="K31" s="139"/>
    </row>
    <row r="32" spans="1:11" ht="22.5" customHeight="1"/>
  </sheetData>
  <mergeCells count="26">
    <mergeCell ref="I1:J1"/>
    <mergeCell ref="B10:C10"/>
    <mergeCell ref="B18:C18"/>
    <mergeCell ref="B26:C26"/>
    <mergeCell ref="B20:B21"/>
    <mergeCell ref="B22:C22"/>
    <mergeCell ref="B23:C23"/>
    <mergeCell ref="B24:C24"/>
    <mergeCell ref="B19:C19"/>
    <mergeCell ref="E1:H1"/>
    <mergeCell ref="A2:C2"/>
    <mergeCell ref="A31:C31"/>
    <mergeCell ref="B3:C3"/>
    <mergeCell ref="B4:B5"/>
    <mergeCell ref="B6:C6"/>
    <mergeCell ref="B7:C7"/>
    <mergeCell ref="B8:C8"/>
    <mergeCell ref="B11:C11"/>
    <mergeCell ref="B14:C14"/>
    <mergeCell ref="B12:B13"/>
    <mergeCell ref="A27:C27"/>
    <mergeCell ref="A29:C29"/>
    <mergeCell ref="B15:C15"/>
    <mergeCell ref="B16:C16"/>
    <mergeCell ref="A30:C30"/>
    <mergeCell ref="A28:C28"/>
  </mergeCells>
  <phoneticPr fontId="5"/>
  <conditionalFormatting sqref="E3:J9">
    <cfRule type="cellIs" dxfId="3" priority="4" stopIfTrue="1" operator="equal">
      <formula>"－"</formula>
    </cfRule>
  </conditionalFormatting>
  <conditionalFormatting sqref="E11:J16">
    <cfRule type="cellIs" dxfId="2" priority="3" stopIfTrue="1" operator="equal">
      <formula>"－"</formula>
    </cfRule>
  </conditionalFormatting>
  <conditionalFormatting sqref="E19:J25">
    <cfRule type="cellIs" dxfId="1" priority="2" stopIfTrue="1" operator="equal">
      <formula>"－"</formula>
    </cfRule>
  </conditionalFormatting>
  <conditionalFormatting sqref="E17:J17">
    <cfRule type="cellIs" dxfId="0" priority="1" stopIfTrue="1" operator="equal">
      <formula>"－"</formula>
    </cfRule>
  </conditionalFormatting>
  <printOptions horizontalCentered="1" verticalCentered="1"/>
  <pageMargins left="0.74803149606299213" right="0.74803149606299213" top="0.82677165354330717" bottom="0.74803149606299213" header="0.51181102362204722" footer="0.43307086614173229"/>
  <pageSetup paperSize="9" scale="86" orientation="landscape" horizontalDpi="4294967294" r:id="rId1"/>
  <headerFooter alignWithMargins="0">
    <oddHeader>&amp;A</oddHeader>
    <oddFooter>- &amp;P -</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設計書表紙 </vt:lpstr>
      <vt:lpstr>工事費内訳書</vt:lpstr>
      <vt:lpstr>内訳書</vt:lpstr>
      <vt:lpstr>明細書（設計協議）</vt:lpstr>
      <vt:lpstr>明細書（現場調査）</vt:lpstr>
      <vt:lpstr>明細書（電気詳細設計）</vt:lpstr>
      <vt:lpstr>工事費内訳書!Print_Area</vt:lpstr>
      <vt:lpstr>'設計書表紙 '!Print_Area</vt:lpstr>
      <vt:lpstr>内訳書!Print_Area</vt:lpstr>
      <vt:lpstr>'明細書（現場調査）'!Print_Area</vt:lpstr>
      <vt:lpstr>'明細書（設計協議）'!Print_Area</vt:lpstr>
      <vt:lpstr>'明細書（電気詳細設計）'!Print_Area</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18-06-15T08:26:28Z</cp:lastPrinted>
  <dcterms:created xsi:type="dcterms:W3CDTF">1997-04-16T05:09:44Z</dcterms:created>
  <dcterms:modified xsi:type="dcterms:W3CDTF">2018-06-19T23:29:31Z</dcterms:modified>
</cp:coreProperties>
</file>